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FF13D84D-2043-406E-8F4C-F30BFC8DA972}" xr6:coauthVersionLast="47" xr6:coauthVersionMax="47" xr10:uidLastSave="{00000000-0000-0000-0000-000000000000}"/>
  <bookViews>
    <workbookView xWindow="-98" yWindow="-98" windowWidth="20715" windowHeight="13155" xr2:uid="{9B8AF5B4-C2EB-413B-B715-0E7E896A216D}"/>
  </bookViews>
  <sheets>
    <sheet name="1" sheetId="1" r:id="rId1"/>
  </sheets>
  <definedNames>
    <definedName name="_xlnm._FilterDatabase" localSheetId="0" hidden="1">'1'!$I$8:$O$19</definedName>
    <definedName name="_xlnm.Print_Area" localSheetId="0">'1'!$A$1:$X$66</definedName>
    <definedName name="_xlnm.Print_Titles" localSheetId="0">'1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0" uniqueCount="58"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3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3"/>
  </si>
  <si>
    <t>桜谷・五福</t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3"/>
  </si>
  <si>
    <t>週２回収集</t>
    <rPh sb="0" eb="1">
      <t>シュウ</t>
    </rPh>
    <rPh sb="2" eb="3">
      <t>カイ</t>
    </rPh>
    <rPh sb="3" eb="5">
      <t>シュウシュウ</t>
    </rPh>
    <phoneticPr fontId="3"/>
  </si>
  <si>
    <t>月・木</t>
    <phoneticPr fontId="3"/>
  </si>
  <si>
    <t>曜日</t>
    <rPh sb="0" eb="2">
      <t>ヨウビ</t>
    </rPh>
    <phoneticPr fontId="3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3"/>
  </si>
  <si>
    <t>月２回収集</t>
    <rPh sb="0" eb="1">
      <t>ツキ</t>
    </rPh>
    <rPh sb="2" eb="3">
      <t>カイ</t>
    </rPh>
    <rPh sb="3" eb="5">
      <t>シュウシュウ</t>
    </rPh>
    <phoneticPr fontId="3"/>
  </si>
  <si>
    <t>１・３</t>
    <phoneticPr fontId="3"/>
  </si>
  <si>
    <t>火</t>
    <phoneticPr fontId="3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3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3"/>
  </si>
  <si>
    <t>第１・３</t>
    <phoneticPr fontId="3"/>
  </si>
  <si>
    <t>水</t>
    <phoneticPr fontId="3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3"/>
  </si>
  <si>
    <t>月４回収集</t>
    <rPh sb="0" eb="1">
      <t>ツキ</t>
    </rPh>
    <rPh sb="2" eb="3">
      <t>カイ</t>
    </rPh>
    <rPh sb="3" eb="5">
      <t>シュウシュウ</t>
    </rPh>
    <phoneticPr fontId="3"/>
  </si>
  <si>
    <t>第１～４</t>
    <rPh sb="0" eb="1">
      <t>ダイ</t>
    </rPh>
    <phoneticPr fontId="3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3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3"/>
  </si>
  <si>
    <t>月１回収集</t>
    <rPh sb="0" eb="1">
      <t>ツキ</t>
    </rPh>
    <rPh sb="2" eb="3">
      <t>カイ</t>
    </rPh>
    <rPh sb="3" eb="5">
      <t>シュウシュウ</t>
    </rPh>
    <phoneticPr fontId="3"/>
  </si>
  <si>
    <t>３</t>
    <phoneticPr fontId="3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3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3"/>
  </si>
  <si>
    <t>令和8年</t>
    <rPh sb="0" eb="2">
      <t>レイワ</t>
    </rPh>
    <rPh sb="3" eb="4">
      <t>ネン</t>
    </rPh>
    <phoneticPr fontId="3"/>
  </si>
  <si>
    <t>４月</t>
    <rPh sb="1" eb="2">
      <t>ツキ</t>
    </rPh>
    <phoneticPr fontId="3"/>
  </si>
  <si>
    <t>５月</t>
    <rPh sb="1" eb="2">
      <t>ツキ</t>
    </rPh>
    <phoneticPr fontId="3"/>
  </si>
  <si>
    <t>６月</t>
    <rPh sb="1" eb="2">
      <t>ツキ</t>
    </rPh>
    <phoneticPr fontId="3"/>
  </si>
  <si>
    <t>日</t>
  </si>
  <si>
    <t>月</t>
  </si>
  <si>
    <t>火</t>
  </si>
  <si>
    <t>水</t>
  </si>
  <si>
    <t>木</t>
  </si>
  <si>
    <t>金</t>
    <phoneticPr fontId="3"/>
  </si>
  <si>
    <t>土</t>
  </si>
  <si>
    <t>金</t>
  </si>
  <si>
    <t xml:space="preserve">不燃
</t>
  </si>
  <si>
    <t>可燃</t>
  </si>
  <si>
    <t>プラ
びん</t>
    <phoneticPr fontId="3"/>
  </si>
  <si>
    <t>プラ</t>
  </si>
  <si>
    <t>プラ
紙
びん</t>
    <phoneticPr fontId="3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3"/>
  </si>
  <si>
    <t>資源集団回収</t>
    <rPh sb="0" eb="2">
      <t>シゲン</t>
    </rPh>
    <rPh sb="2" eb="4">
      <t>シュウダン</t>
    </rPh>
    <rPh sb="4" eb="6">
      <t>カイシュウ</t>
    </rPh>
    <phoneticPr fontId="3"/>
  </si>
  <si>
    <t>　</t>
  </si>
  <si>
    <t>(予定日をご記入ください。）</t>
    <rPh sb="1" eb="4">
      <t>ヨテイビ</t>
    </rPh>
    <rPh sb="6" eb="8">
      <t>キニュウ</t>
    </rPh>
    <phoneticPr fontId="3"/>
  </si>
  <si>
    <t>７月</t>
    <rPh sb="1" eb="2">
      <t>ガツ</t>
    </rPh>
    <phoneticPr fontId="3"/>
  </si>
  <si>
    <t>８月</t>
    <rPh sb="1" eb="2">
      <t>ツキ</t>
    </rPh>
    <phoneticPr fontId="3"/>
  </si>
  <si>
    <t>９月</t>
    <rPh sb="1" eb="2">
      <t>ツキ</t>
    </rPh>
    <phoneticPr fontId="3"/>
  </si>
  <si>
    <t>水</t>
    <rPh sb="0" eb="1">
      <t>スイ</t>
    </rPh>
    <phoneticPr fontId="3"/>
  </si>
  <si>
    <t>プラ</t>
    <phoneticPr fontId="3"/>
  </si>
  <si>
    <t>可燃</t>
    <phoneticPr fontId="3"/>
  </si>
  <si>
    <t>１０月</t>
    <rPh sb="2" eb="3">
      <t>ツキ</t>
    </rPh>
    <phoneticPr fontId="3"/>
  </si>
  <si>
    <t>１１月</t>
    <rPh sb="2" eb="3">
      <t>ツキ</t>
    </rPh>
    <phoneticPr fontId="3"/>
  </si>
  <si>
    <t>１２月</t>
    <rPh sb="2" eb="3">
      <t>ツキ</t>
    </rPh>
    <phoneticPr fontId="3"/>
  </si>
  <si>
    <t>令和9年</t>
    <rPh sb="0" eb="2">
      <t>レイワ</t>
    </rPh>
    <rPh sb="3" eb="4">
      <t>ネン</t>
    </rPh>
    <phoneticPr fontId="3"/>
  </si>
  <si>
    <t>１月</t>
    <rPh sb="1" eb="2">
      <t>ツキ</t>
    </rPh>
    <phoneticPr fontId="3"/>
  </si>
  <si>
    <t>２月</t>
    <rPh sb="1" eb="2">
      <t>ツキ</t>
    </rPh>
    <phoneticPr fontId="3"/>
  </si>
  <si>
    <t>３月</t>
    <rPh sb="1" eb="2">
      <t>ツキ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毎週　&quot;@"/>
    <numFmt numFmtId="177" formatCode="&quot;第&quot;@"/>
    <numFmt numFmtId="178" formatCode="&quot;第&quot;0"/>
  </numFmts>
  <fonts count="30" x14ac:knownFonts="1">
    <font>
      <sz val="11"/>
      <name val="ＭＳ Ｐゴシック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sz val="6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name val="HGSｺﾞｼｯｸM"/>
      <family val="3"/>
      <charset val="128"/>
    </font>
    <font>
      <b/>
      <sz val="11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55"/>
      <name val="HGP創英角ﾎﾟｯﾌﾟ体"/>
      <family val="3"/>
      <charset val="128"/>
    </font>
    <font>
      <b/>
      <sz val="20"/>
      <color indexed="55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sz val="20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4"/>
      <color indexed="55"/>
      <name val="HGSｺﾞｼｯｸM"/>
      <family val="3"/>
      <charset val="128"/>
    </font>
    <font>
      <sz val="14"/>
      <name val="HGSｺﾞｼｯｸM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2"/>
      <name val="HGP創英角ﾎﾟｯﾌﾟ体"/>
      <family val="3"/>
      <charset val="128"/>
    </font>
    <font>
      <b/>
      <sz val="48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name val="HGP創英角ｺﾞｼｯｸUB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</borders>
  <cellStyleXfs count="1">
    <xf numFmtId="0" fontId="0" fillId="0" borderId="0"/>
  </cellStyleXfs>
  <cellXfs count="134">
    <xf numFmtId="0" fontId="0" fillId="0" borderId="0" xfId="0"/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10" fillId="0" borderId="3" xfId="0" applyFont="1" applyBorder="1" applyAlignment="1">
      <alignment horizontal="left" vertical="center"/>
    </xf>
    <xf numFmtId="0" fontId="9" fillId="0" borderId="1" xfId="0" applyFont="1" applyBorder="1" applyAlignment="1">
      <alignment horizontal="left" vertical="center"/>
    </xf>
    <xf numFmtId="0" fontId="9" fillId="0" borderId="2" xfId="0" applyFont="1" applyBorder="1" applyAlignment="1">
      <alignment horizontal="center" vertical="center"/>
    </xf>
    <xf numFmtId="0" fontId="10" fillId="0" borderId="2" xfId="0" applyFont="1" applyBorder="1" applyAlignment="1">
      <alignment horizontal="right" vertical="center"/>
    </xf>
    <xf numFmtId="0" fontId="10" fillId="0" borderId="3" xfId="0" applyFont="1" applyBorder="1" applyAlignment="1">
      <alignment vertical="center"/>
    </xf>
    <xf numFmtId="0" fontId="10" fillId="0" borderId="0" xfId="0" applyFont="1" applyAlignment="1">
      <alignment vertical="center"/>
    </xf>
    <xf numFmtId="0" fontId="10" fillId="0" borderId="5" xfId="0" applyFont="1" applyBorder="1" applyAlignment="1">
      <alignment horizontal="right" vertical="center"/>
    </xf>
    <xf numFmtId="0" fontId="10" fillId="0" borderId="6" xfId="0" applyFont="1" applyBorder="1" applyAlignment="1">
      <alignment horizontal="left" vertical="center"/>
    </xf>
    <xf numFmtId="178" fontId="10" fillId="0" borderId="0" xfId="0" applyNumberFormat="1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3" fillId="0" borderId="0" xfId="0" applyFont="1" applyAlignment="1">
      <alignment horizontal="left" vertical="center"/>
    </xf>
    <xf numFmtId="0" fontId="9" fillId="0" borderId="7" xfId="0" applyFont="1" applyBorder="1" applyAlignment="1">
      <alignment horizontal="left" vertical="center"/>
    </xf>
    <xf numFmtId="177" fontId="10" fillId="0" borderId="7" xfId="0" applyNumberFormat="1" applyFont="1" applyBorder="1" applyAlignment="1">
      <alignment vertical="center"/>
    </xf>
    <xf numFmtId="0" fontId="10" fillId="0" borderId="7" xfId="0" applyFont="1" applyBorder="1" applyAlignment="1">
      <alignment vertical="center"/>
    </xf>
    <xf numFmtId="0" fontId="10" fillId="0" borderId="7" xfId="0" applyFont="1" applyBorder="1" applyAlignment="1">
      <alignment horizontal="right" vertical="center"/>
    </xf>
    <xf numFmtId="0" fontId="10" fillId="0" borderId="7" xfId="0" applyFont="1" applyBorder="1" applyAlignment="1">
      <alignment horizontal="left" vertical="center"/>
    </xf>
    <xf numFmtId="0" fontId="10" fillId="0" borderId="6" xfId="0" applyFont="1" applyBorder="1" applyAlignment="1">
      <alignment vertical="center"/>
    </xf>
    <xf numFmtId="0" fontId="8" fillId="0" borderId="0" xfId="0" applyFont="1" applyAlignment="1">
      <alignment horizontal="left" vertical="center"/>
    </xf>
    <xf numFmtId="0" fontId="9" fillId="0" borderId="0" xfId="0" applyFont="1" applyAlignment="1">
      <alignment horizontal="left" vertical="center"/>
    </xf>
    <xf numFmtId="0" fontId="14" fillId="0" borderId="0" xfId="0" applyFont="1" applyAlignment="1">
      <alignment horizontal="center" vertical="center"/>
    </xf>
    <xf numFmtId="0" fontId="15" fillId="0" borderId="8" xfId="0" applyFont="1" applyBorder="1" applyAlignment="1">
      <alignment vertical="center"/>
    </xf>
    <xf numFmtId="0" fontId="16" fillId="0" borderId="9" xfId="0" applyFont="1" applyBorder="1" applyAlignment="1">
      <alignment vertical="center"/>
    </xf>
    <xf numFmtId="0" fontId="14" fillId="0" borderId="0" xfId="0" applyFont="1" applyAlignment="1">
      <alignment horizontal="left" vertical="center"/>
    </xf>
    <xf numFmtId="0" fontId="17" fillId="0" borderId="13" xfId="0" applyFont="1" applyBorder="1" applyAlignment="1">
      <alignment horizontal="center" vertical="center"/>
    </xf>
    <xf numFmtId="0" fontId="16" fillId="0" borderId="14" xfId="0" applyFont="1" applyBorder="1" applyAlignment="1">
      <alignment horizontal="center" vertical="center"/>
    </xf>
    <xf numFmtId="0" fontId="16" fillId="0" borderId="15" xfId="0" applyFont="1" applyBorder="1" applyAlignment="1">
      <alignment horizontal="center" vertical="center"/>
    </xf>
    <xf numFmtId="0" fontId="18" fillId="0" borderId="16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16" fillId="0" borderId="0" xfId="0" applyFont="1"/>
    <xf numFmtId="0" fontId="17" fillId="0" borderId="17" xfId="0" applyFont="1" applyBorder="1" applyAlignment="1">
      <alignment horizontal="center" vertical="center"/>
    </xf>
    <xf numFmtId="0" fontId="16" fillId="0" borderId="7" xfId="0" applyFont="1" applyBorder="1" applyAlignment="1">
      <alignment horizontal="center" vertical="center"/>
    </xf>
    <xf numFmtId="0" fontId="16" fillId="2" borderId="0" xfId="0" applyFont="1" applyFill="1" applyAlignment="1">
      <alignment horizontal="center" vertical="center"/>
    </xf>
    <xf numFmtId="0" fontId="16" fillId="0" borderId="18" xfId="0" applyFont="1" applyBorder="1" applyAlignment="1">
      <alignment horizontal="center" vertical="center"/>
    </xf>
    <xf numFmtId="0" fontId="18" fillId="0" borderId="19" xfId="0" applyFont="1" applyBorder="1" applyAlignment="1">
      <alignment horizontal="center" vertical="center"/>
    </xf>
    <xf numFmtId="0" fontId="17" fillId="0" borderId="20" xfId="0" applyFont="1" applyBorder="1" applyAlignment="1">
      <alignment horizontal="center" vertical="center"/>
    </xf>
    <xf numFmtId="0" fontId="18" fillId="0" borderId="9" xfId="0" applyFont="1" applyBorder="1" applyAlignment="1">
      <alignment horizontal="center" vertical="center"/>
    </xf>
    <xf numFmtId="0" fontId="16" fillId="0" borderId="20" xfId="0" applyFont="1" applyBorder="1" applyAlignment="1">
      <alignment horizontal="center" vertical="center"/>
    </xf>
    <xf numFmtId="0" fontId="16" fillId="0" borderId="21" xfId="0" applyFont="1" applyBorder="1" applyAlignment="1">
      <alignment horizontal="center" vertical="center"/>
    </xf>
    <xf numFmtId="0" fontId="15" fillId="0" borderId="22" xfId="0" applyFont="1" applyBorder="1" applyAlignment="1">
      <alignment horizontal="center" vertical="top" wrapText="1"/>
    </xf>
    <xf numFmtId="0" fontId="15" fillId="0" borderId="5" xfId="0" applyFont="1" applyBorder="1" applyAlignment="1">
      <alignment horizontal="center" vertical="top" wrapText="1"/>
    </xf>
    <xf numFmtId="0" fontId="15" fillId="2" borderId="5" xfId="0" applyFont="1" applyFill="1" applyBorder="1" applyAlignment="1">
      <alignment horizontal="center" vertical="top" wrapText="1"/>
    </xf>
    <xf numFmtId="0" fontId="19" fillId="0" borderId="23" xfId="0" applyFont="1" applyBorder="1" applyAlignment="1">
      <alignment horizontal="center" vertical="top" wrapText="1"/>
    </xf>
    <xf numFmtId="0" fontId="15" fillId="0" borderId="0" xfId="0" applyFont="1" applyAlignment="1">
      <alignment horizontal="center" vertical="top" wrapText="1"/>
    </xf>
    <xf numFmtId="0" fontId="15" fillId="0" borderId="6" xfId="0" applyFont="1" applyBorder="1" applyAlignment="1">
      <alignment horizontal="center" vertical="top" wrapText="1"/>
    </xf>
    <xf numFmtId="0" fontId="17" fillId="0" borderId="24" xfId="0" applyFont="1" applyBorder="1" applyAlignment="1">
      <alignment horizontal="center" vertical="center" wrapText="1"/>
    </xf>
    <xf numFmtId="0" fontId="16" fillId="2" borderId="25" xfId="0" applyFont="1" applyFill="1" applyBorder="1" applyAlignment="1">
      <alignment horizontal="center" vertical="center" wrapText="1"/>
    </xf>
    <xf numFmtId="0" fontId="16" fillId="2" borderId="21" xfId="0" applyFont="1" applyFill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8" fillId="0" borderId="26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2" borderId="25" xfId="0" applyFont="1" applyFill="1" applyBorder="1" applyAlignment="1">
      <alignment horizontal="center" vertical="center" wrapText="1"/>
    </xf>
    <xf numFmtId="0" fontId="18" fillId="0" borderId="27" xfId="0" applyFont="1" applyBorder="1" applyAlignment="1">
      <alignment horizontal="center" vertical="center" wrapText="1"/>
    </xf>
    <xf numFmtId="0" fontId="16" fillId="0" borderId="0" xfId="0" applyFont="1" applyAlignment="1">
      <alignment horizontal="center" wrapText="1"/>
    </xf>
    <xf numFmtId="0" fontId="15" fillId="0" borderId="28" xfId="0" applyFont="1" applyBorder="1" applyAlignment="1">
      <alignment horizontal="center" vertical="top" wrapText="1"/>
    </xf>
    <xf numFmtId="0" fontId="15" fillId="2" borderId="29" xfId="0" applyFont="1" applyFill="1" applyBorder="1" applyAlignment="1">
      <alignment horizontal="center" vertical="top" wrapText="1"/>
    </xf>
    <xf numFmtId="0" fontId="15" fillId="0" borderId="29" xfId="0" applyFont="1" applyBorder="1" applyAlignment="1">
      <alignment horizontal="center" vertical="top" wrapText="1"/>
    </xf>
    <xf numFmtId="0" fontId="20" fillId="2" borderId="29" xfId="0" applyFont="1" applyFill="1" applyBorder="1" applyAlignment="1">
      <alignment horizontal="center" vertical="top" wrapText="1"/>
    </xf>
    <xf numFmtId="0" fontId="15" fillId="2" borderId="6" xfId="0" applyFont="1" applyFill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6" fillId="2" borderId="7" xfId="0" applyFont="1" applyFill="1" applyBorder="1" applyAlignment="1">
      <alignment horizontal="center" vertical="center" wrapText="1"/>
    </xf>
    <xf numFmtId="0" fontId="17" fillId="0" borderId="7" xfId="0" applyFont="1" applyBorder="1" applyAlignment="1">
      <alignment horizontal="center" vertical="center" wrapText="1"/>
    </xf>
    <xf numFmtId="0" fontId="16" fillId="0" borderId="7" xfId="0" applyFont="1" applyBorder="1" applyAlignment="1">
      <alignment horizontal="center" vertical="center" wrapText="1"/>
    </xf>
    <xf numFmtId="0" fontId="19" fillId="0" borderId="30" xfId="0" applyFont="1" applyBorder="1" applyAlignment="1">
      <alignment horizontal="center" vertical="top" wrapText="1"/>
    </xf>
    <xf numFmtId="0" fontId="16" fillId="0" borderId="17" xfId="0" applyFont="1" applyBorder="1" applyAlignment="1">
      <alignment horizontal="center" vertical="center" wrapText="1"/>
    </xf>
    <xf numFmtId="0" fontId="21" fillId="0" borderId="7" xfId="0" applyFont="1" applyBorder="1" applyAlignment="1">
      <alignment horizontal="left" vertical="center"/>
    </xf>
    <xf numFmtId="0" fontId="18" fillId="0" borderId="9" xfId="0" applyFont="1" applyBorder="1" applyAlignment="1">
      <alignment horizontal="center" vertical="center" wrapText="1"/>
    </xf>
    <xf numFmtId="0" fontId="17" fillId="0" borderId="17" xfId="0" applyFont="1" applyBorder="1" applyAlignment="1">
      <alignment horizontal="center" vertical="center" wrapText="1"/>
    </xf>
    <xf numFmtId="0" fontId="15" fillId="0" borderId="31" xfId="0" applyFont="1" applyBorder="1" applyAlignment="1">
      <alignment horizontal="center" vertical="top" wrapText="1"/>
    </xf>
    <xf numFmtId="0" fontId="15" fillId="0" borderId="8" xfId="0" applyFont="1" applyBorder="1" applyAlignment="1">
      <alignment horizontal="center" vertical="top" wrapText="1"/>
    </xf>
    <xf numFmtId="0" fontId="11" fillId="0" borderId="8" xfId="0" applyFont="1" applyBorder="1" applyAlignment="1">
      <alignment horizontal="left" vertical="top"/>
    </xf>
    <xf numFmtId="0" fontId="11" fillId="0" borderId="8" xfId="0" applyFont="1" applyBorder="1" applyAlignment="1">
      <alignment vertical="top" wrapText="1"/>
    </xf>
    <xf numFmtId="0" fontId="22" fillId="0" borderId="32" xfId="0" applyFont="1" applyBorder="1" applyAlignment="1">
      <alignment vertical="top" wrapText="1"/>
    </xf>
    <xf numFmtId="0" fontId="15" fillId="0" borderId="0" xfId="0" applyFont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9" fillId="0" borderId="0" xfId="0" applyFont="1" applyAlignment="1">
      <alignment vertical="top" wrapText="1"/>
    </xf>
    <xf numFmtId="0" fontId="23" fillId="0" borderId="0" xfId="0" applyFont="1" applyAlignment="1">
      <alignment vertical="top" wrapText="1"/>
    </xf>
    <xf numFmtId="0" fontId="14" fillId="0" borderId="0" xfId="0" applyFont="1" applyAlignment="1">
      <alignment horizontal="center" vertical="center" wrapText="1"/>
    </xf>
    <xf numFmtId="0" fontId="25" fillId="0" borderId="0" xfId="0" applyFont="1" applyAlignment="1">
      <alignment horizontal="center" vertical="center" wrapText="1"/>
    </xf>
    <xf numFmtId="0" fontId="17" fillId="0" borderId="13" xfId="0" applyFont="1" applyBorder="1" applyAlignment="1">
      <alignment horizontal="center" vertical="center" wrapText="1"/>
    </xf>
    <xf numFmtId="0" fontId="16" fillId="0" borderId="14" xfId="0" applyFont="1" applyBorder="1" applyAlignment="1">
      <alignment horizontal="center" vertical="center" wrapText="1"/>
    </xf>
    <xf numFmtId="0" fontId="18" fillId="0" borderId="16" xfId="0" applyFont="1" applyBorder="1" applyAlignment="1">
      <alignment horizontal="center" vertical="center" wrapText="1"/>
    </xf>
    <xf numFmtId="0" fontId="16" fillId="0" borderId="21" xfId="0" applyFont="1" applyBorder="1" applyAlignment="1">
      <alignment horizontal="center" vertical="center" wrapText="1"/>
    </xf>
    <xf numFmtId="0" fontId="16" fillId="0" borderId="36" xfId="0" applyFont="1" applyBorder="1" applyAlignment="1">
      <alignment horizontal="center" vertical="center" wrapText="1"/>
    </xf>
    <xf numFmtId="0" fontId="20" fillId="2" borderId="6" xfId="0" applyFont="1" applyFill="1" applyBorder="1" applyAlignment="1">
      <alignment horizontal="center" vertical="top" wrapText="1"/>
    </xf>
    <xf numFmtId="0" fontId="15" fillId="2" borderId="8" xfId="0" applyFont="1" applyFill="1" applyBorder="1" applyAlignment="1">
      <alignment horizontal="center" vertical="top" wrapText="1"/>
    </xf>
    <xf numFmtId="0" fontId="15" fillId="0" borderId="0" xfId="0" applyFont="1" applyAlignment="1">
      <alignment horizontal="left" vertical="center"/>
    </xf>
    <xf numFmtId="0" fontId="15" fillId="0" borderId="0" xfId="0" applyFont="1" applyAlignment="1">
      <alignment horizontal="right" vertical="center"/>
    </xf>
    <xf numFmtId="0" fontId="26" fillId="2" borderId="0" xfId="0" applyFont="1" applyFill="1" applyAlignment="1">
      <alignment vertical="center"/>
    </xf>
    <xf numFmtId="0" fontId="8" fillId="2" borderId="0" xfId="0" applyFont="1" applyFill="1" applyAlignment="1">
      <alignment horizontal="center" vertical="center" wrapText="1"/>
    </xf>
    <xf numFmtId="0" fontId="27" fillId="0" borderId="0" xfId="0" applyFont="1" applyAlignment="1">
      <alignment vertical="center"/>
    </xf>
    <xf numFmtId="57" fontId="7" fillId="2" borderId="0" xfId="0" applyNumberFormat="1" applyFont="1" applyFill="1" applyAlignment="1">
      <alignment vertical="center" wrapText="1"/>
    </xf>
    <xf numFmtId="57" fontId="27" fillId="0" borderId="0" xfId="0" applyNumberFormat="1" applyFont="1" applyAlignment="1">
      <alignment vertical="center" wrapText="1"/>
    </xf>
    <xf numFmtId="0" fontId="7" fillId="0" borderId="0" xfId="0" applyFont="1" applyAlignment="1">
      <alignment horizontal="center" wrapText="1"/>
    </xf>
    <xf numFmtId="0" fontId="28" fillId="0" borderId="0" xfId="0" applyFont="1" applyAlignment="1">
      <alignment horizontal="center" vertical="center" wrapText="1"/>
    </xf>
    <xf numFmtId="0" fontId="17" fillId="2" borderId="7" xfId="0" applyFont="1" applyFill="1" applyBorder="1" applyAlignment="1">
      <alignment horizontal="center" vertical="center" wrapText="1"/>
    </xf>
    <xf numFmtId="0" fontId="20" fillId="2" borderId="5" xfId="0" applyFont="1" applyFill="1" applyBorder="1" applyAlignment="1">
      <alignment horizontal="center" vertical="top" wrapText="1"/>
    </xf>
    <xf numFmtId="0" fontId="16" fillId="2" borderId="36" xfId="0" applyFont="1" applyFill="1" applyBorder="1" applyAlignment="1">
      <alignment horizontal="center" vertical="center" wrapText="1"/>
    </xf>
    <xf numFmtId="0" fontId="15" fillId="0" borderId="37" xfId="0" applyFont="1" applyBorder="1" applyAlignment="1">
      <alignment horizontal="center" vertical="top" wrapText="1"/>
    </xf>
    <xf numFmtId="0" fontId="29" fillId="0" borderId="32" xfId="0" applyFont="1" applyBorder="1" applyAlignment="1">
      <alignment vertical="center"/>
    </xf>
    <xf numFmtId="0" fontId="17" fillId="0" borderId="21" xfId="0" applyFont="1" applyBorder="1" applyAlignment="1">
      <alignment horizontal="center" vertical="center" wrapText="1"/>
    </xf>
    <xf numFmtId="0" fontId="15" fillId="0" borderId="38" xfId="0" applyFont="1" applyBorder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10" fillId="0" borderId="0" xfId="0" applyFont="1" applyAlignment="1">
      <alignment horizontal="center" vertical="center" wrapText="1"/>
    </xf>
    <xf numFmtId="0" fontId="24" fillId="0" borderId="0" xfId="0" applyFont="1" applyAlignment="1">
      <alignment horizontal="center" vertical="center"/>
    </xf>
    <xf numFmtId="0" fontId="9" fillId="0" borderId="1" xfId="0" applyFont="1" applyBorder="1" applyAlignment="1">
      <alignment horizontal="left" vertical="center" wrapText="1"/>
    </xf>
    <xf numFmtId="0" fontId="9" fillId="0" borderId="2" xfId="0" applyFont="1" applyBorder="1" applyAlignment="1">
      <alignment horizontal="left" vertical="center" wrapText="1"/>
    </xf>
    <xf numFmtId="0" fontId="10" fillId="0" borderId="2" xfId="0" applyFont="1" applyBorder="1" applyAlignment="1">
      <alignment horizontal="right" vertical="center"/>
    </xf>
    <xf numFmtId="177" fontId="10" fillId="0" borderId="2" xfId="0" applyNumberFormat="1" applyFont="1" applyBorder="1" applyAlignment="1">
      <alignment horizontal="right" vertical="center"/>
    </xf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9" fillId="0" borderId="1" xfId="0" applyFont="1" applyBorder="1" applyAlignment="1">
      <alignment horizontal="left" vertical="center" wrapText="1" shrinkToFit="1"/>
    </xf>
    <xf numFmtId="0" fontId="9" fillId="0" borderId="2" xfId="0" applyFont="1" applyBorder="1" applyAlignment="1">
      <alignment horizontal="left" vertical="center" shrinkToFit="1"/>
    </xf>
    <xf numFmtId="176" fontId="10" fillId="0" borderId="2" xfId="0" applyNumberFormat="1" applyFont="1" applyBorder="1" applyAlignment="1">
      <alignment horizontal="right" vertical="center"/>
    </xf>
    <xf numFmtId="0" fontId="12" fillId="0" borderId="4" xfId="0" applyFont="1" applyBorder="1" applyAlignment="1">
      <alignment horizontal="left" vertical="center" wrapText="1"/>
    </xf>
    <xf numFmtId="0" fontId="12" fillId="0" borderId="0" xfId="0" applyFont="1" applyAlignment="1">
      <alignment horizontal="left" vertical="center" wrapText="1"/>
    </xf>
    <xf numFmtId="178" fontId="10" fillId="0" borderId="2" xfId="0" applyNumberFormat="1" applyFont="1" applyBorder="1" applyAlignment="1">
      <alignment horizontal="right" vertical="center"/>
    </xf>
    <xf numFmtId="0" fontId="14" fillId="0" borderId="10" xfId="0" applyFont="1" applyBorder="1" applyAlignment="1">
      <alignment horizontal="center" vertical="center"/>
    </xf>
    <xf numFmtId="0" fontId="14" fillId="0" borderId="11" xfId="0" applyFont="1" applyBorder="1" applyAlignment="1">
      <alignment horizontal="center" vertical="center"/>
    </xf>
    <xf numFmtId="0" fontId="14" fillId="0" borderId="12" xfId="0" applyFont="1" applyBorder="1" applyAlignment="1">
      <alignment horizontal="center" vertical="center"/>
    </xf>
    <xf numFmtId="0" fontId="24" fillId="0" borderId="0" xfId="0" applyFont="1" applyAlignment="1">
      <alignment horizontal="center" vertical="center" wrapText="1"/>
    </xf>
    <xf numFmtId="0" fontId="14" fillId="0" borderId="33" xfId="0" applyFont="1" applyBorder="1" applyAlignment="1">
      <alignment horizontal="center" vertical="center" wrapText="1"/>
    </xf>
    <xf numFmtId="0" fontId="14" fillId="0" borderId="34" xfId="0" applyFont="1" applyBorder="1" applyAlignment="1">
      <alignment horizontal="center" vertical="center" wrapText="1"/>
    </xf>
    <xf numFmtId="0" fontId="14" fillId="0" borderId="35" xfId="0" applyFont="1" applyBorder="1" applyAlignment="1">
      <alignment horizontal="center" vertical="center" wrapText="1"/>
    </xf>
    <xf numFmtId="0" fontId="14" fillId="0" borderId="10" xfId="0" applyFont="1" applyBorder="1" applyAlignment="1">
      <alignment horizontal="center" vertical="center" wrapText="1"/>
    </xf>
    <xf numFmtId="0" fontId="14" fillId="0" borderId="11" xfId="0" applyFont="1" applyBorder="1" applyAlignment="1">
      <alignment horizontal="center" vertical="center" wrapText="1"/>
    </xf>
    <xf numFmtId="0" fontId="14" fillId="0" borderId="12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66800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A3057551-DF8F-4148-9F79-9DDBF84924E7}"/>
            </a:ext>
          </a:extLst>
        </xdr:cNvPr>
        <xdr:cNvSpPr txBox="1">
          <a:spLocks noChangeArrowheads="1"/>
        </xdr:cNvSpPr>
      </xdr:nvSpPr>
      <xdr:spPr bwMode="auto">
        <a:xfrm>
          <a:off x="26670" y="21958935"/>
          <a:ext cx="4842292" cy="1001078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0858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E8AA2332-7C1E-4BCD-8FDC-C33BA0C57C1E}"/>
            </a:ext>
          </a:extLst>
        </xdr:cNvPr>
        <xdr:cNvSpPr txBox="1">
          <a:spLocks noChangeArrowheads="1"/>
        </xdr:cNvSpPr>
      </xdr:nvSpPr>
      <xdr:spPr bwMode="auto">
        <a:xfrm>
          <a:off x="28575" y="42443399"/>
          <a:ext cx="4836911" cy="1019175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CF0E53-1015-4633-972C-2B327E74870F}">
  <sheetPr codeName="Sheet5"/>
  <dimension ref="A1:AH110"/>
  <sheetViews>
    <sheetView showZeros="0" tabSelected="1" view="pageBreakPreview" zoomScale="50" zoomScaleNormal="75" zoomScaleSheetLayoutView="50" workbookViewId="0">
      <selection activeCell="B5" sqref="B5"/>
    </sheetView>
  </sheetViews>
  <sheetFormatPr defaultColWidth="9" defaultRowHeight="20.100000000000001" customHeight="1" x14ac:dyDescent="0.25"/>
  <cols>
    <col min="1" max="22" width="9.46484375" style="2" customWidth="1"/>
    <col min="23" max="23" width="9.796875" style="2" customWidth="1"/>
    <col min="24" max="24" width="2.86328125" style="2" customWidth="1"/>
    <col min="25" max="29" width="9" style="2" bestFit="1" customWidth="1"/>
    <col min="30" max="50" width="4" style="2" customWidth="1"/>
    <col min="51" max="256" width="9" style="2"/>
    <col min="257" max="278" width="9.46484375" style="2" customWidth="1"/>
    <col min="279" max="279" width="9.796875" style="2" customWidth="1"/>
    <col min="280" max="280" width="2.86328125" style="2" customWidth="1"/>
    <col min="281" max="285" width="9" style="2" bestFit="1"/>
    <col min="286" max="306" width="4" style="2" customWidth="1"/>
    <col min="307" max="512" width="9" style="2"/>
    <col min="513" max="534" width="9.46484375" style="2" customWidth="1"/>
    <col min="535" max="535" width="9.796875" style="2" customWidth="1"/>
    <col min="536" max="536" width="2.86328125" style="2" customWidth="1"/>
    <col min="537" max="541" width="9" style="2" bestFit="1"/>
    <col min="542" max="562" width="4" style="2" customWidth="1"/>
    <col min="563" max="768" width="9" style="2"/>
    <col min="769" max="790" width="9.46484375" style="2" customWidth="1"/>
    <col min="791" max="791" width="9.796875" style="2" customWidth="1"/>
    <col min="792" max="792" width="2.86328125" style="2" customWidth="1"/>
    <col min="793" max="797" width="9" style="2" bestFit="1"/>
    <col min="798" max="818" width="4" style="2" customWidth="1"/>
    <col min="819" max="1024" width="9" style="2"/>
    <col min="1025" max="1046" width="9.46484375" style="2" customWidth="1"/>
    <col min="1047" max="1047" width="9.796875" style="2" customWidth="1"/>
    <col min="1048" max="1048" width="2.86328125" style="2" customWidth="1"/>
    <col min="1049" max="1053" width="9" style="2" bestFit="1"/>
    <col min="1054" max="1074" width="4" style="2" customWidth="1"/>
    <col min="1075" max="1280" width="9" style="2"/>
    <col min="1281" max="1302" width="9.46484375" style="2" customWidth="1"/>
    <col min="1303" max="1303" width="9.796875" style="2" customWidth="1"/>
    <col min="1304" max="1304" width="2.86328125" style="2" customWidth="1"/>
    <col min="1305" max="1309" width="9" style="2" bestFit="1"/>
    <col min="1310" max="1330" width="4" style="2" customWidth="1"/>
    <col min="1331" max="1536" width="9" style="2"/>
    <col min="1537" max="1558" width="9.46484375" style="2" customWidth="1"/>
    <col min="1559" max="1559" width="9.796875" style="2" customWidth="1"/>
    <col min="1560" max="1560" width="2.86328125" style="2" customWidth="1"/>
    <col min="1561" max="1565" width="9" style="2" bestFit="1"/>
    <col min="1566" max="1586" width="4" style="2" customWidth="1"/>
    <col min="1587" max="1792" width="9" style="2"/>
    <col min="1793" max="1814" width="9.46484375" style="2" customWidth="1"/>
    <col min="1815" max="1815" width="9.796875" style="2" customWidth="1"/>
    <col min="1816" max="1816" width="2.86328125" style="2" customWidth="1"/>
    <col min="1817" max="1821" width="9" style="2" bestFit="1"/>
    <col min="1822" max="1842" width="4" style="2" customWidth="1"/>
    <col min="1843" max="2048" width="9" style="2"/>
    <col min="2049" max="2070" width="9.46484375" style="2" customWidth="1"/>
    <col min="2071" max="2071" width="9.796875" style="2" customWidth="1"/>
    <col min="2072" max="2072" width="2.86328125" style="2" customWidth="1"/>
    <col min="2073" max="2077" width="9" style="2" bestFit="1"/>
    <col min="2078" max="2098" width="4" style="2" customWidth="1"/>
    <col min="2099" max="2304" width="9" style="2"/>
    <col min="2305" max="2326" width="9.46484375" style="2" customWidth="1"/>
    <col min="2327" max="2327" width="9.796875" style="2" customWidth="1"/>
    <col min="2328" max="2328" width="2.86328125" style="2" customWidth="1"/>
    <col min="2329" max="2333" width="9" style="2" bestFit="1"/>
    <col min="2334" max="2354" width="4" style="2" customWidth="1"/>
    <col min="2355" max="2560" width="9" style="2"/>
    <col min="2561" max="2582" width="9.46484375" style="2" customWidth="1"/>
    <col min="2583" max="2583" width="9.796875" style="2" customWidth="1"/>
    <col min="2584" max="2584" width="2.86328125" style="2" customWidth="1"/>
    <col min="2585" max="2589" width="9" style="2" bestFit="1"/>
    <col min="2590" max="2610" width="4" style="2" customWidth="1"/>
    <col min="2611" max="2816" width="9" style="2"/>
    <col min="2817" max="2838" width="9.46484375" style="2" customWidth="1"/>
    <col min="2839" max="2839" width="9.796875" style="2" customWidth="1"/>
    <col min="2840" max="2840" width="2.86328125" style="2" customWidth="1"/>
    <col min="2841" max="2845" width="9" style="2" bestFit="1"/>
    <col min="2846" max="2866" width="4" style="2" customWidth="1"/>
    <col min="2867" max="3072" width="9" style="2"/>
    <col min="3073" max="3094" width="9.46484375" style="2" customWidth="1"/>
    <col min="3095" max="3095" width="9.796875" style="2" customWidth="1"/>
    <col min="3096" max="3096" width="2.86328125" style="2" customWidth="1"/>
    <col min="3097" max="3101" width="9" style="2" bestFit="1"/>
    <col min="3102" max="3122" width="4" style="2" customWidth="1"/>
    <col min="3123" max="3328" width="9" style="2"/>
    <col min="3329" max="3350" width="9.46484375" style="2" customWidth="1"/>
    <col min="3351" max="3351" width="9.796875" style="2" customWidth="1"/>
    <col min="3352" max="3352" width="2.86328125" style="2" customWidth="1"/>
    <col min="3353" max="3357" width="9" style="2" bestFit="1"/>
    <col min="3358" max="3378" width="4" style="2" customWidth="1"/>
    <col min="3379" max="3584" width="9" style="2"/>
    <col min="3585" max="3606" width="9.46484375" style="2" customWidth="1"/>
    <col min="3607" max="3607" width="9.796875" style="2" customWidth="1"/>
    <col min="3608" max="3608" width="2.86328125" style="2" customWidth="1"/>
    <col min="3609" max="3613" width="9" style="2" bestFit="1"/>
    <col min="3614" max="3634" width="4" style="2" customWidth="1"/>
    <col min="3635" max="3840" width="9" style="2"/>
    <col min="3841" max="3862" width="9.46484375" style="2" customWidth="1"/>
    <col min="3863" max="3863" width="9.796875" style="2" customWidth="1"/>
    <col min="3864" max="3864" width="2.86328125" style="2" customWidth="1"/>
    <col min="3865" max="3869" width="9" style="2" bestFit="1"/>
    <col min="3870" max="3890" width="4" style="2" customWidth="1"/>
    <col min="3891" max="4096" width="9" style="2"/>
    <col min="4097" max="4118" width="9.46484375" style="2" customWidth="1"/>
    <col min="4119" max="4119" width="9.796875" style="2" customWidth="1"/>
    <col min="4120" max="4120" width="2.86328125" style="2" customWidth="1"/>
    <col min="4121" max="4125" width="9" style="2" bestFit="1"/>
    <col min="4126" max="4146" width="4" style="2" customWidth="1"/>
    <col min="4147" max="4352" width="9" style="2"/>
    <col min="4353" max="4374" width="9.46484375" style="2" customWidth="1"/>
    <col min="4375" max="4375" width="9.796875" style="2" customWidth="1"/>
    <col min="4376" max="4376" width="2.86328125" style="2" customWidth="1"/>
    <col min="4377" max="4381" width="9" style="2" bestFit="1"/>
    <col min="4382" max="4402" width="4" style="2" customWidth="1"/>
    <col min="4403" max="4608" width="9" style="2"/>
    <col min="4609" max="4630" width="9.46484375" style="2" customWidth="1"/>
    <col min="4631" max="4631" width="9.796875" style="2" customWidth="1"/>
    <col min="4632" max="4632" width="2.86328125" style="2" customWidth="1"/>
    <col min="4633" max="4637" width="9" style="2" bestFit="1"/>
    <col min="4638" max="4658" width="4" style="2" customWidth="1"/>
    <col min="4659" max="4864" width="9" style="2"/>
    <col min="4865" max="4886" width="9.46484375" style="2" customWidth="1"/>
    <col min="4887" max="4887" width="9.796875" style="2" customWidth="1"/>
    <col min="4888" max="4888" width="2.86328125" style="2" customWidth="1"/>
    <col min="4889" max="4893" width="9" style="2" bestFit="1"/>
    <col min="4894" max="4914" width="4" style="2" customWidth="1"/>
    <col min="4915" max="5120" width="9" style="2"/>
    <col min="5121" max="5142" width="9.46484375" style="2" customWidth="1"/>
    <col min="5143" max="5143" width="9.796875" style="2" customWidth="1"/>
    <col min="5144" max="5144" width="2.86328125" style="2" customWidth="1"/>
    <col min="5145" max="5149" width="9" style="2" bestFit="1"/>
    <col min="5150" max="5170" width="4" style="2" customWidth="1"/>
    <col min="5171" max="5376" width="9" style="2"/>
    <col min="5377" max="5398" width="9.46484375" style="2" customWidth="1"/>
    <col min="5399" max="5399" width="9.796875" style="2" customWidth="1"/>
    <col min="5400" max="5400" width="2.86328125" style="2" customWidth="1"/>
    <col min="5401" max="5405" width="9" style="2" bestFit="1"/>
    <col min="5406" max="5426" width="4" style="2" customWidth="1"/>
    <col min="5427" max="5632" width="9" style="2"/>
    <col min="5633" max="5654" width="9.46484375" style="2" customWidth="1"/>
    <col min="5655" max="5655" width="9.796875" style="2" customWidth="1"/>
    <col min="5656" max="5656" width="2.86328125" style="2" customWidth="1"/>
    <col min="5657" max="5661" width="9" style="2" bestFit="1"/>
    <col min="5662" max="5682" width="4" style="2" customWidth="1"/>
    <col min="5683" max="5888" width="9" style="2"/>
    <col min="5889" max="5910" width="9.46484375" style="2" customWidth="1"/>
    <col min="5911" max="5911" width="9.796875" style="2" customWidth="1"/>
    <col min="5912" max="5912" width="2.86328125" style="2" customWidth="1"/>
    <col min="5913" max="5917" width="9" style="2" bestFit="1"/>
    <col min="5918" max="5938" width="4" style="2" customWidth="1"/>
    <col min="5939" max="6144" width="9" style="2"/>
    <col min="6145" max="6166" width="9.46484375" style="2" customWidth="1"/>
    <col min="6167" max="6167" width="9.796875" style="2" customWidth="1"/>
    <col min="6168" max="6168" width="2.86328125" style="2" customWidth="1"/>
    <col min="6169" max="6173" width="9" style="2" bestFit="1"/>
    <col min="6174" max="6194" width="4" style="2" customWidth="1"/>
    <col min="6195" max="6400" width="9" style="2"/>
    <col min="6401" max="6422" width="9.46484375" style="2" customWidth="1"/>
    <col min="6423" max="6423" width="9.796875" style="2" customWidth="1"/>
    <col min="6424" max="6424" width="2.86328125" style="2" customWidth="1"/>
    <col min="6425" max="6429" width="9" style="2" bestFit="1"/>
    <col min="6430" max="6450" width="4" style="2" customWidth="1"/>
    <col min="6451" max="6656" width="9" style="2"/>
    <col min="6657" max="6678" width="9.46484375" style="2" customWidth="1"/>
    <col min="6679" max="6679" width="9.796875" style="2" customWidth="1"/>
    <col min="6680" max="6680" width="2.86328125" style="2" customWidth="1"/>
    <col min="6681" max="6685" width="9" style="2" bestFit="1"/>
    <col min="6686" max="6706" width="4" style="2" customWidth="1"/>
    <col min="6707" max="6912" width="9" style="2"/>
    <col min="6913" max="6934" width="9.46484375" style="2" customWidth="1"/>
    <col min="6935" max="6935" width="9.796875" style="2" customWidth="1"/>
    <col min="6936" max="6936" width="2.86328125" style="2" customWidth="1"/>
    <col min="6937" max="6941" width="9" style="2" bestFit="1"/>
    <col min="6942" max="6962" width="4" style="2" customWidth="1"/>
    <col min="6963" max="7168" width="9" style="2"/>
    <col min="7169" max="7190" width="9.46484375" style="2" customWidth="1"/>
    <col min="7191" max="7191" width="9.796875" style="2" customWidth="1"/>
    <col min="7192" max="7192" width="2.86328125" style="2" customWidth="1"/>
    <col min="7193" max="7197" width="9" style="2" bestFit="1"/>
    <col min="7198" max="7218" width="4" style="2" customWidth="1"/>
    <col min="7219" max="7424" width="9" style="2"/>
    <col min="7425" max="7446" width="9.46484375" style="2" customWidth="1"/>
    <col min="7447" max="7447" width="9.796875" style="2" customWidth="1"/>
    <col min="7448" max="7448" width="2.86328125" style="2" customWidth="1"/>
    <col min="7449" max="7453" width="9" style="2" bestFit="1"/>
    <col min="7454" max="7474" width="4" style="2" customWidth="1"/>
    <col min="7475" max="7680" width="9" style="2"/>
    <col min="7681" max="7702" width="9.46484375" style="2" customWidth="1"/>
    <col min="7703" max="7703" width="9.796875" style="2" customWidth="1"/>
    <col min="7704" max="7704" width="2.86328125" style="2" customWidth="1"/>
    <col min="7705" max="7709" width="9" style="2" bestFit="1"/>
    <col min="7710" max="7730" width="4" style="2" customWidth="1"/>
    <col min="7731" max="7936" width="9" style="2"/>
    <col min="7937" max="7958" width="9.46484375" style="2" customWidth="1"/>
    <col min="7959" max="7959" width="9.796875" style="2" customWidth="1"/>
    <col min="7960" max="7960" width="2.86328125" style="2" customWidth="1"/>
    <col min="7961" max="7965" width="9" style="2" bestFit="1"/>
    <col min="7966" max="7986" width="4" style="2" customWidth="1"/>
    <col min="7987" max="8192" width="9" style="2"/>
    <col min="8193" max="8214" width="9.46484375" style="2" customWidth="1"/>
    <col min="8215" max="8215" width="9.796875" style="2" customWidth="1"/>
    <col min="8216" max="8216" width="2.86328125" style="2" customWidth="1"/>
    <col min="8217" max="8221" width="9" style="2" bestFit="1"/>
    <col min="8222" max="8242" width="4" style="2" customWidth="1"/>
    <col min="8243" max="8448" width="9" style="2"/>
    <col min="8449" max="8470" width="9.46484375" style="2" customWidth="1"/>
    <col min="8471" max="8471" width="9.796875" style="2" customWidth="1"/>
    <col min="8472" max="8472" width="2.86328125" style="2" customWidth="1"/>
    <col min="8473" max="8477" width="9" style="2" bestFit="1"/>
    <col min="8478" max="8498" width="4" style="2" customWidth="1"/>
    <col min="8499" max="8704" width="9" style="2"/>
    <col min="8705" max="8726" width="9.46484375" style="2" customWidth="1"/>
    <col min="8727" max="8727" width="9.796875" style="2" customWidth="1"/>
    <col min="8728" max="8728" width="2.86328125" style="2" customWidth="1"/>
    <col min="8729" max="8733" width="9" style="2" bestFit="1"/>
    <col min="8734" max="8754" width="4" style="2" customWidth="1"/>
    <col min="8755" max="8960" width="9" style="2"/>
    <col min="8961" max="8982" width="9.46484375" style="2" customWidth="1"/>
    <col min="8983" max="8983" width="9.796875" style="2" customWidth="1"/>
    <col min="8984" max="8984" width="2.86328125" style="2" customWidth="1"/>
    <col min="8985" max="8989" width="9" style="2" bestFit="1"/>
    <col min="8990" max="9010" width="4" style="2" customWidth="1"/>
    <col min="9011" max="9216" width="9" style="2"/>
    <col min="9217" max="9238" width="9.46484375" style="2" customWidth="1"/>
    <col min="9239" max="9239" width="9.796875" style="2" customWidth="1"/>
    <col min="9240" max="9240" width="2.86328125" style="2" customWidth="1"/>
    <col min="9241" max="9245" width="9" style="2" bestFit="1"/>
    <col min="9246" max="9266" width="4" style="2" customWidth="1"/>
    <col min="9267" max="9472" width="9" style="2"/>
    <col min="9473" max="9494" width="9.46484375" style="2" customWidth="1"/>
    <col min="9495" max="9495" width="9.796875" style="2" customWidth="1"/>
    <col min="9496" max="9496" width="2.86328125" style="2" customWidth="1"/>
    <col min="9497" max="9501" width="9" style="2" bestFit="1"/>
    <col min="9502" max="9522" width="4" style="2" customWidth="1"/>
    <col min="9523" max="9728" width="9" style="2"/>
    <col min="9729" max="9750" width="9.46484375" style="2" customWidth="1"/>
    <col min="9751" max="9751" width="9.796875" style="2" customWidth="1"/>
    <col min="9752" max="9752" width="2.86328125" style="2" customWidth="1"/>
    <col min="9753" max="9757" width="9" style="2" bestFit="1"/>
    <col min="9758" max="9778" width="4" style="2" customWidth="1"/>
    <col min="9779" max="9984" width="9" style="2"/>
    <col min="9985" max="10006" width="9.46484375" style="2" customWidth="1"/>
    <col min="10007" max="10007" width="9.796875" style="2" customWidth="1"/>
    <col min="10008" max="10008" width="2.86328125" style="2" customWidth="1"/>
    <col min="10009" max="10013" width="9" style="2" bestFit="1"/>
    <col min="10014" max="10034" width="4" style="2" customWidth="1"/>
    <col min="10035" max="10240" width="9" style="2"/>
    <col min="10241" max="10262" width="9.46484375" style="2" customWidth="1"/>
    <col min="10263" max="10263" width="9.796875" style="2" customWidth="1"/>
    <col min="10264" max="10264" width="2.86328125" style="2" customWidth="1"/>
    <col min="10265" max="10269" width="9" style="2" bestFit="1"/>
    <col min="10270" max="10290" width="4" style="2" customWidth="1"/>
    <col min="10291" max="10496" width="9" style="2"/>
    <col min="10497" max="10518" width="9.46484375" style="2" customWidth="1"/>
    <col min="10519" max="10519" width="9.796875" style="2" customWidth="1"/>
    <col min="10520" max="10520" width="2.86328125" style="2" customWidth="1"/>
    <col min="10521" max="10525" width="9" style="2" bestFit="1"/>
    <col min="10526" max="10546" width="4" style="2" customWidth="1"/>
    <col min="10547" max="10752" width="9" style="2"/>
    <col min="10753" max="10774" width="9.46484375" style="2" customWidth="1"/>
    <col min="10775" max="10775" width="9.796875" style="2" customWidth="1"/>
    <col min="10776" max="10776" width="2.86328125" style="2" customWidth="1"/>
    <col min="10777" max="10781" width="9" style="2" bestFit="1"/>
    <col min="10782" max="10802" width="4" style="2" customWidth="1"/>
    <col min="10803" max="11008" width="9" style="2"/>
    <col min="11009" max="11030" width="9.46484375" style="2" customWidth="1"/>
    <col min="11031" max="11031" width="9.796875" style="2" customWidth="1"/>
    <col min="11032" max="11032" width="2.86328125" style="2" customWidth="1"/>
    <col min="11033" max="11037" width="9" style="2" bestFit="1"/>
    <col min="11038" max="11058" width="4" style="2" customWidth="1"/>
    <col min="11059" max="11264" width="9" style="2"/>
    <col min="11265" max="11286" width="9.46484375" style="2" customWidth="1"/>
    <col min="11287" max="11287" width="9.796875" style="2" customWidth="1"/>
    <col min="11288" max="11288" width="2.86328125" style="2" customWidth="1"/>
    <col min="11289" max="11293" width="9" style="2" bestFit="1"/>
    <col min="11294" max="11314" width="4" style="2" customWidth="1"/>
    <col min="11315" max="11520" width="9" style="2"/>
    <col min="11521" max="11542" width="9.46484375" style="2" customWidth="1"/>
    <col min="11543" max="11543" width="9.796875" style="2" customWidth="1"/>
    <col min="11544" max="11544" width="2.86328125" style="2" customWidth="1"/>
    <col min="11545" max="11549" width="9" style="2" bestFit="1"/>
    <col min="11550" max="11570" width="4" style="2" customWidth="1"/>
    <col min="11571" max="11776" width="9" style="2"/>
    <col min="11777" max="11798" width="9.46484375" style="2" customWidth="1"/>
    <col min="11799" max="11799" width="9.796875" style="2" customWidth="1"/>
    <col min="11800" max="11800" width="2.86328125" style="2" customWidth="1"/>
    <col min="11801" max="11805" width="9" style="2" bestFit="1"/>
    <col min="11806" max="11826" width="4" style="2" customWidth="1"/>
    <col min="11827" max="12032" width="9" style="2"/>
    <col min="12033" max="12054" width="9.46484375" style="2" customWidth="1"/>
    <col min="12055" max="12055" width="9.796875" style="2" customWidth="1"/>
    <col min="12056" max="12056" width="2.86328125" style="2" customWidth="1"/>
    <col min="12057" max="12061" width="9" style="2" bestFit="1"/>
    <col min="12062" max="12082" width="4" style="2" customWidth="1"/>
    <col min="12083" max="12288" width="9" style="2"/>
    <col min="12289" max="12310" width="9.46484375" style="2" customWidth="1"/>
    <col min="12311" max="12311" width="9.796875" style="2" customWidth="1"/>
    <col min="12312" max="12312" width="2.86328125" style="2" customWidth="1"/>
    <col min="12313" max="12317" width="9" style="2" bestFit="1"/>
    <col min="12318" max="12338" width="4" style="2" customWidth="1"/>
    <col min="12339" max="12544" width="9" style="2"/>
    <col min="12545" max="12566" width="9.46484375" style="2" customWidth="1"/>
    <col min="12567" max="12567" width="9.796875" style="2" customWidth="1"/>
    <col min="12568" max="12568" width="2.86328125" style="2" customWidth="1"/>
    <col min="12569" max="12573" width="9" style="2" bestFit="1"/>
    <col min="12574" max="12594" width="4" style="2" customWidth="1"/>
    <col min="12595" max="12800" width="9" style="2"/>
    <col min="12801" max="12822" width="9.46484375" style="2" customWidth="1"/>
    <col min="12823" max="12823" width="9.796875" style="2" customWidth="1"/>
    <col min="12824" max="12824" width="2.86328125" style="2" customWidth="1"/>
    <col min="12825" max="12829" width="9" style="2" bestFit="1"/>
    <col min="12830" max="12850" width="4" style="2" customWidth="1"/>
    <col min="12851" max="13056" width="9" style="2"/>
    <col min="13057" max="13078" width="9.46484375" style="2" customWidth="1"/>
    <col min="13079" max="13079" width="9.796875" style="2" customWidth="1"/>
    <col min="13080" max="13080" width="2.86328125" style="2" customWidth="1"/>
    <col min="13081" max="13085" width="9" style="2" bestFit="1"/>
    <col min="13086" max="13106" width="4" style="2" customWidth="1"/>
    <col min="13107" max="13312" width="9" style="2"/>
    <col min="13313" max="13334" width="9.46484375" style="2" customWidth="1"/>
    <col min="13335" max="13335" width="9.796875" style="2" customWidth="1"/>
    <col min="13336" max="13336" width="2.86328125" style="2" customWidth="1"/>
    <col min="13337" max="13341" width="9" style="2" bestFit="1"/>
    <col min="13342" max="13362" width="4" style="2" customWidth="1"/>
    <col min="13363" max="13568" width="9" style="2"/>
    <col min="13569" max="13590" width="9.46484375" style="2" customWidth="1"/>
    <col min="13591" max="13591" width="9.796875" style="2" customWidth="1"/>
    <col min="13592" max="13592" width="2.86328125" style="2" customWidth="1"/>
    <col min="13593" max="13597" width="9" style="2" bestFit="1"/>
    <col min="13598" max="13618" width="4" style="2" customWidth="1"/>
    <col min="13619" max="13824" width="9" style="2"/>
    <col min="13825" max="13846" width="9.46484375" style="2" customWidth="1"/>
    <col min="13847" max="13847" width="9.796875" style="2" customWidth="1"/>
    <col min="13848" max="13848" width="2.86328125" style="2" customWidth="1"/>
    <col min="13849" max="13853" width="9" style="2" bestFit="1"/>
    <col min="13854" max="13874" width="4" style="2" customWidth="1"/>
    <col min="13875" max="14080" width="9" style="2"/>
    <col min="14081" max="14102" width="9.46484375" style="2" customWidth="1"/>
    <col min="14103" max="14103" width="9.796875" style="2" customWidth="1"/>
    <col min="14104" max="14104" width="2.86328125" style="2" customWidth="1"/>
    <col min="14105" max="14109" width="9" style="2" bestFit="1"/>
    <col min="14110" max="14130" width="4" style="2" customWidth="1"/>
    <col min="14131" max="14336" width="9" style="2"/>
    <col min="14337" max="14358" width="9.46484375" style="2" customWidth="1"/>
    <col min="14359" max="14359" width="9.796875" style="2" customWidth="1"/>
    <col min="14360" max="14360" width="2.86328125" style="2" customWidth="1"/>
    <col min="14361" max="14365" width="9" style="2" bestFit="1"/>
    <col min="14366" max="14386" width="4" style="2" customWidth="1"/>
    <col min="14387" max="14592" width="9" style="2"/>
    <col min="14593" max="14614" width="9.46484375" style="2" customWidth="1"/>
    <col min="14615" max="14615" width="9.796875" style="2" customWidth="1"/>
    <col min="14616" max="14616" width="2.86328125" style="2" customWidth="1"/>
    <col min="14617" max="14621" width="9" style="2" bestFit="1"/>
    <col min="14622" max="14642" width="4" style="2" customWidth="1"/>
    <col min="14643" max="14848" width="9" style="2"/>
    <col min="14849" max="14870" width="9.46484375" style="2" customWidth="1"/>
    <col min="14871" max="14871" width="9.796875" style="2" customWidth="1"/>
    <col min="14872" max="14872" width="2.86328125" style="2" customWidth="1"/>
    <col min="14873" max="14877" width="9" style="2" bestFit="1"/>
    <col min="14878" max="14898" width="4" style="2" customWidth="1"/>
    <col min="14899" max="15104" width="9" style="2"/>
    <col min="15105" max="15126" width="9.46484375" style="2" customWidth="1"/>
    <col min="15127" max="15127" width="9.796875" style="2" customWidth="1"/>
    <col min="15128" max="15128" width="2.86328125" style="2" customWidth="1"/>
    <col min="15129" max="15133" width="9" style="2" bestFit="1"/>
    <col min="15134" max="15154" width="4" style="2" customWidth="1"/>
    <col min="15155" max="15360" width="9" style="2"/>
    <col min="15361" max="15382" width="9.46484375" style="2" customWidth="1"/>
    <col min="15383" max="15383" width="9.796875" style="2" customWidth="1"/>
    <col min="15384" max="15384" width="2.86328125" style="2" customWidth="1"/>
    <col min="15385" max="15389" width="9" style="2" bestFit="1"/>
    <col min="15390" max="15410" width="4" style="2" customWidth="1"/>
    <col min="15411" max="15616" width="9" style="2"/>
    <col min="15617" max="15638" width="9.46484375" style="2" customWidth="1"/>
    <col min="15639" max="15639" width="9.796875" style="2" customWidth="1"/>
    <col min="15640" max="15640" width="2.86328125" style="2" customWidth="1"/>
    <col min="15641" max="15645" width="9" style="2" bestFit="1"/>
    <col min="15646" max="15666" width="4" style="2" customWidth="1"/>
    <col min="15667" max="15872" width="9" style="2"/>
    <col min="15873" max="15894" width="9.46484375" style="2" customWidth="1"/>
    <col min="15895" max="15895" width="9.796875" style="2" customWidth="1"/>
    <col min="15896" max="15896" width="2.86328125" style="2" customWidth="1"/>
    <col min="15897" max="15901" width="9" style="2" bestFit="1"/>
    <col min="15902" max="15922" width="4" style="2" customWidth="1"/>
    <col min="15923" max="16128" width="9" style="2"/>
    <col min="16129" max="16150" width="9.46484375" style="2" customWidth="1"/>
    <col min="16151" max="16151" width="9.796875" style="2" customWidth="1"/>
    <col min="16152" max="16152" width="2.86328125" style="2" customWidth="1"/>
    <col min="16153" max="16157" width="9" style="2" bestFit="1"/>
    <col min="16158" max="16178" width="4" style="2" customWidth="1"/>
    <col min="16179" max="16384" width="9" style="2"/>
  </cols>
  <sheetData>
    <row r="1" spans="1:33" ht="68.25" customHeight="1" x14ac:dyDescent="0.25">
      <c r="A1" s="113" t="s">
        <v>0</v>
      </c>
      <c r="B1" s="114"/>
      <c r="C1" s="114"/>
      <c r="D1" s="115" t="s">
        <v>1</v>
      </c>
      <c r="E1" s="115"/>
      <c r="F1" s="115"/>
      <c r="G1" s="115"/>
      <c r="H1" s="115"/>
      <c r="I1" s="115"/>
      <c r="J1" s="115"/>
      <c r="K1" s="115"/>
      <c r="L1" s="115"/>
      <c r="M1" s="115"/>
      <c r="N1" s="115"/>
      <c r="O1" s="116" t="s">
        <v>2</v>
      </c>
      <c r="P1" s="116"/>
      <c r="Q1" s="116"/>
      <c r="R1" s="116"/>
      <c r="S1" s="116"/>
      <c r="T1" s="116"/>
      <c r="U1" s="116"/>
      <c r="V1" s="116"/>
      <c r="W1" s="1">
        <v>1</v>
      </c>
    </row>
    <row r="2" spans="1:33" ht="35.1" customHeight="1" x14ac:dyDescent="0.25">
      <c r="A2" s="3"/>
      <c r="B2" s="117" t="s">
        <v>3</v>
      </c>
      <c r="C2" s="118"/>
      <c r="D2" s="118"/>
      <c r="E2" s="111" t="s">
        <v>4</v>
      </c>
      <c r="F2" s="111"/>
      <c r="G2" s="119" t="s">
        <v>5</v>
      </c>
      <c r="H2" s="119"/>
      <c r="I2" s="119"/>
      <c r="J2" s="4" t="s">
        <v>6</v>
      </c>
      <c r="K2" s="3"/>
      <c r="L2" s="5" t="s">
        <v>7</v>
      </c>
      <c r="M2" s="6"/>
      <c r="N2" s="6"/>
      <c r="O2" s="111" t="s">
        <v>8</v>
      </c>
      <c r="P2" s="111"/>
      <c r="Q2" s="112" t="s">
        <v>9</v>
      </c>
      <c r="R2" s="112"/>
      <c r="S2" s="7" t="s">
        <v>10</v>
      </c>
      <c r="T2" s="8" t="s">
        <v>6</v>
      </c>
      <c r="U2" s="120" t="s">
        <v>11</v>
      </c>
      <c r="V2" s="121"/>
      <c r="W2" s="121"/>
      <c r="X2" s="121"/>
    </row>
    <row r="3" spans="1:33" s="13" customFormat="1" ht="35.1" customHeight="1" x14ac:dyDescent="0.25">
      <c r="A3" s="9"/>
      <c r="B3" s="109" t="s">
        <v>12</v>
      </c>
      <c r="C3" s="110"/>
      <c r="D3" s="110"/>
      <c r="E3" s="111" t="s">
        <v>8</v>
      </c>
      <c r="F3" s="111"/>
      <c r="G3" s="111" t="s">
        <v>13</v>
      </c>
      <c r="H3" s="111"/>
      <c r="I3" s="10" t="s">
        <v>14</v>
      </c>
      <c r="J3" s="11" t="s">
        <v>6</v>
      </c>
      <c r="K3" s="12"/>
      <c r="L3" s="117" t="s">
        <v>15</v>
      </c>
      <c r="M3" s="118"/>
      <c r="N3" s="118"/>
      <c r="O3" s="111" t="s">
        <v>16</v>
      </c>
      <c r="P3" s="111"/>
      <c r="Q3" s="122" t="s">
        <v>17</v>
      </c>
      <c r="R3" s="122"/>
      <c r="S3" s="7" t="s">
        <v>10</v>
      </c>
      <c r="T3" s="8" t="s">
        <v>6</v>
      </c>
      <c r="U3" s="120"/>
      <c r="V3" s="121"/>
      <c r="W3" s="121"/>
      <c r="X3" s="121"/>
    </row>
    <row r="4" spans="1:33" s="13" customFormat="1" ht="35.1" customHeight="1" x14ac:dyDescent="0.25">
      <c r="A4" s="9"/>
      <c r="B4" s="14" t="s">
        <v>18</v>
      </c>
      <c r="C4" s="15"/>
      <c r="D4" s="16"/>
      <c r="E4" s="17"/>
      <c r="F4" s="17"/>
      <c r="G4" s="17"/>
      <c r="H4" s="17"/>
      <c r="I4" s="18"/>
      <c r="J4" s="19"/>
      <c r="K4" s="9"/>
      <c r="L4" s="109" t="s">
        <v>19</v>
      </c>
      <c r="M4" s="110"/>
      <c r="N4" s="110"/>
      <c r="O4" s="111" t="s">
        <v>20</v>
      </c>
      <c r="P4" s="111"/>
      <c r="Q4" s="112" t="s">
        <v>21</v>
      </c>
      <c r="R4" s="112"/>
      <c r="S4" s="10" t="s">
        <v>10</v>
      </c>
      <c r="T4" s="20" t="s">
        <v>6</v>
      </c>
      <c r="U4" s="120"/>
      <c r="V4" s="121"/>
      <c r="W4" s="121"/>
      <c r="X4" s="121"/>
    </row>
    <row r="5" spans="1:33" ht="37.5" customHeight="1" thickBot="1" x14ac:dyDescent="0.3">
      <c r="A5" s="21"/>
      <c r="B5" s="14" t="s">
        <v>22</v>
      </c>
      <c r="J5" s="22" t="s">
        <v>23</v>
      </c>
      <c r="K5" s="23"/>
      <c r="L5" s="23"/>
      <c r="M5" s="23"/>
      <c r="N5" s="23"/>
      <c r="O5" s="23"/>
      <c r="P5" s="23"/>
      <c r="Q5" s="23"/>
      <c r="R5" s="23"/>
      <c r="S5" s="23"/>
      <c r="T5" s="23"/>
      <c r="U5" s="23"/>
      <c r="V5" s="23"/>
      <c r="W5" s="23"/>
      <c r="X5" s="23"/>
      <c r="Y5" s="23"/>
      <c r="Z5" s="23"/>
      <c r="AA5" s="23"/>
      <c r="AB5" s="23"/>
      <c r="AC5" s="23"/>
      <c r="AD5" s="23"/>
      <c r="AE5" s="23"/>
      <c r="AF5" s="23"/>
      <c r="AG5" s="23"/>
    </row>
    <row r="6" spans="1:33" s="23" customFormat="1" ht="39.950000000000003" customHeight="1" thickBot="1" x14ac:dyDescent="0.3">
      <c r="A6" s="24" t="s">
        <v>24</v>
      </c>
      <c r="B6" s="25"/>
      <c r="C6" s="123" t="s">
        <v>25</v>
      </c>
      <c r="D6" s="124"/>
      <c r="E6" s="125"/>
      <c r="K6" s="123" t="s">
        <v>26</v>
      </c>
      <c r="L6" s="124"/>
      <c r="M6" s="125"/>
      <c r="S6" s="123" t="s">
        <v>27</v>
      </c>
      <c r="T6" s="124"/>
      <c r="U6" s="125"/>
      <c r="Y6" s="26"/>
      <c r="AA6" s="22"/>
    </row>
    <row r="7" spans="1:33" s="31" customFormat="1" ht="35.1" customHeight="1" x14ac:dyDescent="0.4">
      <c r="A7" s="27" t="s">
        <v>28</v>
      </c>
      <c r="B7" s="28" t="s">
        <v>29</v>
      </c>
      <c r="C7" s="29" t="s">
        <v>30</v>
      </c>
      <c r="D7" s="28" t="s">
        <v>31</v>
      </c>
      <c r="E7" s="28" t="s">
        <v>32</v>
      </c>
      <c r="F7" s="28" t="s">
        <v>33</v>
      </c>
      <c r="G7" s="30" t="s">
        <v>34</v>
      </c>
      <c r="I7" s="27" t="s">
        <v>28</v>
      </c>
      <c r="J7" s="28" t="s">
        <v>29</v>
      </c>
      <c r="K7" s="28" t="s">
        <v>30</v>
      </c>
      <c r="L7" s="28" t="s">
        <v>31</v>
      </c>
      <c r="M7" s="28" t="s">
        <v>32</v>
      </c>
      <c r="N7" s="28" t="s">
        <v>35</v>
      </c>
      <c r="O7" s="30" t="s">
        <v>34</v>
      </c>
      <c r="Q7" s="27" t="s">
        <v>28</v>
      </c>
      <c r="R7" s="28" t="s">
        <v>29</v>
      </c>
      <c r="S7" s="28" t="s">
        <v>30</v>
      </c>
      <c r="T7" s="28" t="s">
        <v>31</v>
      </c>
      <c r="U7" s="28" t="s">
        <v>32</v>
      </c>
      <c r="V7" s="28" t="s">
        <v>35</v>
      </c>
      <c r="W7" s="30" t="s">
        <v>34</v>
      </c>
      <c r="Y7" s="32"/>
    </row>
    <row r="8" spans="1:33" s="31" customFormat="1" ht="35.1" customHeight="1" x14ac:dyDescent="0.4">
      <c r="A8" s="33">
        <v>0</v>
      </c>
      <c r="B8" s="34">
        <v>0</v>
      </c>
      <c r="C8" s="31">
        <v>0</v>
      </c>
      <c r="D8" s="35">
        <v>1</v>
      </c>
      <c r="E8" s="35">
        <v>2</v>
      </c>
      <c r="F8" s="36">
        <v>3</v>
      </c>
      <c r="G8" s="37">
        <v>4</v>
      </c>
      <c r="I8" s="38">
        <v>0</v>
      </c>
      <c r="J8" s="31">
        <v>0</v>
      </c>
      <c r="K8" s="31">
        <v>0</v>
      </c>
      <c r="L8" s="31">
        <v>0</v>
      </c>
      <c r="M8" s="31">
        <v>0</v>
      </c>
      <c r="N8" s="36">
        <v>1</v>
      </c>
      <c r="O8" s="39">
        <v>2</v>
      </c>
      <c r="Q8" s="40">
        <v>0</v>
      </c>
      <c r="R8" s="35">
        <v>1</v>
      </c>
      <c r="S8" s="35">
        <v>2</v>
      </c>
      <c r="T8" s="35">
        <v>3</v>
      </c>
      <c r="U8" s="35">
        <v>4</v>
      </c>
      <c r="V8" s="41">
        <v>5</v>
      </c>
      <c r="W8" s="39">
        <v>6</v>
      </c>
      <c r="Y8" s="32"/>
    </row>
    <row r="9" spans="1:33" s="46" customFormat="1" ht="70.5" customHeight="1" x14ac:dyDescent="0.25">
      <c r="A9" s="42"/>
      <c r="B9" s="43"/>
      <c r="C9" s="43"/>
      <c r="D9" s="44" t="s">
        <v>36</v>
      </c>
      <c r="E9" s="44" t="s">
        <v>37</v>
      </c>
      <c r="F9" s="43"/>
      <c r="G9" s="45"/>
      <c r="I9" s="42"/>
      <c r="J9" s="43"/>
      <c r="K9" s="43"/>
      <c r="L9" s="43"/>
      <c r="M9" s="43"/>
      <c r="N9" s="47"/>
      <c r="O9" s="45"/>
      <c r="Q9" s="42"/>
      <c r="R9" s="44" t="s">
        <v>37</v>
      </c>
      <c r="S9" s="44" t="s">
        <v>38</v>
      </c>
      <c r="T9" s="44" t="s">
        <v>36</v>
      </c>
      <c r="U9" s="44" t="s">
        <v>37</v>
      </c>
      <c r="V9" s="47"/>
      <c r="W9" s="45"/>
    </row>
    <row r="10" spans="1:33" s="53" customFormat="1" ht="35.1" customHeight="1" x14ac:dyDescent="0.4">
      <c r="A10" s="48">
        <v>5</v>
      </c>
      <c r="B10" s="49">
        <v>6</v>
      </c>
      <c r="C10" s="50">
        <v>7</v>
      </c>
      <c r="D10" s="51">
        <v>8</v>
      </c>
      <c r="E10" s="49">
        <v>9</v>
      </c>
      <c r="F10" s="51">
        <v>10</v>
      </c>
      <c r="G10" s="52">
        <v>11</v>
      </c>
      <c r="I10" s="48">
        <v>3</v>
      </c>
      <c r="J10" s="54">
        <v>4</v>
      </c>
      <c r="K10" s="54">
        <v>5</v>
      </c>
      <c r="L10" s="55">
        <v>6</v>
      </c>
      <c r="M10" s="49">
        <v>7</v>
      </c>
      <c r="N10" s="51">
        <v>8</v>
      </c>
      <c r="O10" s="56">
        <v>9</v>
      </c>
      <c r="Q10" s="48">
        <v>7</v>
      </c>
      <c r="R10" s="49">
        <v>8</v>
      </c>
      <c r="S10" s="49">
        <v>9</v>
      </c>
      <c r="T10" s="51">
        <v>10</v>
      </c>
      <c r="U10" s="49">
        <v>11</v>
      </c>
      <c r="V10" s="51">
        <v>12</v>
      </c>
      <c r="W10" s="56">
        <v>13</v>
      </c>
      <c r="Y10" s="57"/>
    </row>
    <row r="11" spans="1:33" s="46" customFormat="1" ht="70.5" customHeight="1" x14ac:dyDescent="0.25">
      <c r="A11" s="58"/>
      <c r="B11" s="59" t="s">
        <v>37</v>
      </c>
      <c r="C11" s="59" t="s">
        <v>38</v>
      </c>
      <c r="D11" s="60"/>
      <c r="E11" s="59" t="s">
        <v>37</v>
      </c>
      <c r="F11" s="43"/>
      <c r="G11" s="45"/>
      <c r="I11" s="58"/>
      <c r="J11" s="60"/>
      <c r="K11" s="60"/>
      <c r="L11" s="61" t="s">
        <v>36</v>
      </c>
      <c r="M11" s="59" t="s">
        <v>37</v>
      </c>
      <c r="N11" s="43"/>
      <c r="O11" s="45"/>
      <c r="Q11" s="58"/>
      <c r="R11" s="59" t="s">
        <v>37</v>
      </c>
      <c r="S11" s="62" t="s">
        <v>39</v>
      </c>
      <c r="T11" s="60"/>
      <c r="U11" s="59" t="s">
        <v>37</v>
      </c>
      <c r="V11" s="60"/>
      <c r="W11" s="45"/>
    </row>
    <row r="12" spans="1:33" s="53" customFormat="1" ht="35.1" customHeight="1" x14ac:dyDescent="0.25">
      <c r="A12" s="48">
        <v>12</v>
      </c>
      <c r="B12" s="49">
        <v>13</v>
      </c>
      <c r="C12" s="50">
        <v>14</v>
      </c>
      <c r="D12" s="49">
        <v>15</v>
      </c>
      <c r="E12" s="49">
        <v>16</v>
      </c>
      <c r="F12" s="51">
        <v>17</v>
      </c>
      <c r="G12" s="52">
        <v>18</v>
      </c>
      <c r="I12" s="48">
        <v>10</v>
      </c>
      <c r="J12" s="49">
        <v>11</v>
      </c>
      <c r="K12" s="49">
        <v>12</v>
      </c>
      <c r="L12" s="51">
        <v>13</v>
      </c>
      <c r="M12" s="49">
        <v>14</v>
      </c>
      <c r="N12" s="51">
        <v>15</v>
      </c>
      <c r="O12" s="56">
        <v>16</v>
      </c>
      <c r="Q12" s="48">
        <v>14</v>
      </c>
      <c r="R12" s="49">
        <v>15</v>
      </c>
      <c r="S12" s="49">
        <v>16</v>
      </c>
      <c r="T12" s="49">
        <v>17</v>
      </c>
      <c r="U12" s="49">
        <v>18</v>
      </c>
      <c r="V12" s="51">
        <v>19</v>
      </c>
      <c r="W12" s="56">
        <v>20</v>
      </c>
    </row>
    <row r="13" spans="1:33" s="46" customFormat="1" ht="70.5" customHeight="1" x14ac:dyDescent="0.25">
      <c r="A13" s="58"/>
      <c r="B13" s="59" t="s">
        <v>37</v>
      </c>
      <c r="C13" s="62" t="s">
        <v>39</v>
      </c>
      <c r="D13" s="59" t="s">
        <v>36</v>
      </c>
      <c r="E13" s="59" t="s">
        <v>37</v>
      </c>
      <c r="F13" s="43"/>
      <c r="G13" s="45"/>
      <c r="I13" s="58"/>
      <c r="J13" s="59" t="s">
        <v>37</v>
      </c>
      <c r="K13" s="62" t="s">
        <v>39</v>
      </c>
      <c r="L13" s="60"/>
      <c r="M13" s="59" t="s">
        <v>37</v>
      </c>
      <c r="N13" s="43"/>
      <c r="O13" s="45"/>
      <c r="Q13" s="58"/>
      <c r="R13" s="59" t="s">
        <v>37</v>
      </c>
      <c r="S13" s="62" t="s">
        <v>40</v>
      </c>
      <c r="T13" s="59" t="s">
        <v>36</v>
      </c>
      <c r="U13" s="59" t="s">
        <v>37</v>
      </c>
      <c r="V13" s="43"/>
      <c r="W13" s="45"/>
    </row>
    <row r="14" spans="1:33" s="53" customFormat="1" ht="35.1" customHeight="1" x14ac:dyDescent="0.25">
      <c r="A14" s="48">
        <v>19</v>
      </c>
      <c r="B14" s="50">
        <v>20</v>
      </c>
      <c r="C14" s="50">
        <v>21</v>
      </c>
      <c r="D14" s="51">
        <v>22</v>
      </c>
      <c r="E14" s="49">
        <v>23</v>
      </c>
      <c r="F14" s="51">
        <v>24</v>
      </c>
      <c r="G14" s="52">
        <v>25</v>
      </c>
      <c r="I14" s="48">
        <v>17</v>
      </c>
      <c r="J14" s="49">
        <v>18</v>
      </c>
      <c r="K14" s="49">
        <v>19</v>
      </c>
      <c r="L14" s="49">
        <v>20</v>
      </c>
      <c r="M14" s="49">
        <v>21</v>
      </c>
      <c r="N14" s="51">
        <v>22</v>
      </c>
      <c r="O14" s="56">
        <v>23</v>
      </c>
      <c r="Q14" s="48">
        <v>21</v>
      </c>
      <c r="R14" s="49">
        <v>22</v>
      </c>
      <c r="S14" s="49">
        <v>23</v>
      </c>
      <c r="T14" s="51">
        <v>24</v>
      </c>
      <c r="U14" s="49">
        <v>25</v>
      </c>
      <c r="V14" s="51">
        <v>26</v>
      </c>
      <c r="W14" s="56">
        <v>27</v>
      </c>
    </row>
    <row r="15" spans="1:33" s="46" customFormat="1" ht="70.5" customHeight="1" x14ac:dyDescent="0.25">
      <c r="A15" s="58"/>
      <c r="B15" s="59" t="s">
        <v>37</v>
      </c>
      <c r="C15" s="62" t="s">
        <v>40</v>
      </c>
      <c r="D15" s="60"/>
      <c r="E15" s="59" t="s">
        <v>37</v>
      </c>
      <c r="F15" s="43"/>
      <c r="G15" s="45"/>
      <c r="I15" s="58"/>
      <c r="J15" s="59" t="s">
        <v>37</v>
      </c>
      <c r="K15" s="62" t="s">
        <v>38</v>
      </c>
      <c r="L15" s="59" t="s">
        <v>36</v>
      </c>
      <c r="M15" s="59" t="s">
        <v>37</v>
      </c>
      <c r="N15" s="47"/>
      <c r="O15" s="45"/>
      <c r="Q15" s="58"/>
      <c r="R15" s="59" t="s">
        <v>37</v>
      </c>
      <c r="S15" s="62" t="s">
        <v>39</v>
      </c>
      <c r="T15" s="60"/>
      <c r="U15" s="59" t="s">
        <v>37</v>
      </c>
      <c r="V15" s="47"/>
      <c r="W15" s="45"/>
    </row>
    <row r="16" spans="1:33" s="53" customFormat="1" ht="35.1" customHeight="1" x14ac:dyDescent="0.25">
      <c r="A16" s="63">
        <v>26</v>
      </c>
      <c r="B16" s="64">
        <v>27</v>
      </c>
      <c r="C16" s="64">
        <v>28</v>
      </c>
      <c r="D16" s="65">
        <v>29</v>
      </c>
      <c r="E16" s="64">
        <v>30</v>
      </c>
      <c r="F16" s="66">
        <v>0</v>
      </c>
      <c r="G16" s="52">
        <v>0</v>
      </c>
      <c r="I16" s="63">
        <v>24</v>
      </c>
      <c r="J16" s="64">
        <v>25</v>
      </c>
      <c r="K16" s="64">
        <v>26</v>
      </c>
      <c r="L16" s="66">
        <v>27</v>
      </c>
      <c r="M16" s="64">
        <v>28</v>
      </c>
      <c r="N16" s="66">
        <v>29</v>
      </c>
      <c r="O16" s="52">
        <v>30</v>
      </c>
      <c r="Q16" s="63">
        <v>28</v>
      </c>
      <c r="R16" s="64">
        <v>29</v>
      </c>
      <c r="S16" s="66">
        <v>30</v>
      </c>
      <c r="T16" s="66">
        <v>0</v>
      </c>
      <c r="U16" s="66">
        <v>0</v>
      </c>
      <c r="V16" s="66">
        <v>0</v>
      </c>
      <c r="W16" s="52">
        <v>0</v>
      </c>
    </row>
    <row r="17" spans="1:34" s="46" customFormat="1" ht="70.5" customHeight="1" x14ac:dyDescent="0.25">
      <c r="A17" s="58"/>
      <c r="B17" s="44" t="s">
        <v>37</v>
      </c>
      <c r="C17" s="59" t="s">
        <v>39</v>
      </c>
      <c r="D17" s="43"/>
      <c r="E17" s="44" t="s">
        <v>37</v>
      </c>
      <c r="F17" s="43"/>
      <c r="G17" s="67"/>
      <c r="I17" s="58"/>
      <c r="J17" s="44" t="s">
        <v>37</v>
      </c>
      <c r="K17" s="44" t="s">
        <v>41</v>
      </c>
      <c r="L17" s="43"/>
      <c r="M17" s="44" t="s">
        <v>37</v>
      </c>
      <c r="N17" s="43"/>
      <c r="O17" s="67"/>
      <c r="Q17" s="58"/>
      <c r="R17" s="44" t="s">
        <v>37</v>
      </c>
      <c r="S17" s="43"/>
      <c r="T17" s="43"/>
      <c r="U17" s="43"/>
      <c r="V17" s="43"/>
      <c r="W17" s="67"/>
    </row>
    <row r="18" spans="1:34" s="53" customFormat="1" ht="35.1" customHeight="1" x14ac:dyDescent="0.25">
      <c r="A18" s="68">
        <v>0</v>
      </c>
      <c r="B18" s="66"/>
      <c r="C18" s="69" t="s">
        <v>42</v>
      </c>
      <c r="D18" s="66"/>
      <c r="E18" s="66"/>
      <c r="F18" s="66"/>
      <c r="G18" s="70" t="s">
        <v>43</v>
      </c>
      <c r="I18" s="71">
        <v>31</v>
      </c>
      <c r="J18" s="66">
        <v>0</v>
      </c>
      <c r="K18" s="69" t="s">
        <v>42</v>
      </c>
      <c r="L18" s="66"/>
      <c r="M18" s="66"/>
      <c r="N18" s="66"/>
      <c r="O18" s="70" t="s">
        <v>43</v>
      </c>
      <c r="Q18" s="68">
        <v>0</v>
      </c>
      <c r="R18" s="66"/>
      <c r="S18" s="69" t="s">
        <v>42</v>
      </c>
      <c r="T18" s="66"/>
      <c r="U18" s="66"/>
      <c r="V18" s="66"/>
      <c r="W18" s="70" t="s">
        <v>43</v>
      </c>
    </row>
    <row r="19" spans="1:34" s="77" customFormat="1" ht="70.5" customHeight="1" thickBot="1" x14ac:dyDescent="0.3">
      <c r="A19" s="72"/>
      <c r="B19" s="73"/>
      <c r="C19" s="74" t="s">
        <v>44</v>
      </c>
      <c r="D19" s="75"/>
      <c r="E19" s="75"/>
      <c r="F19" s="75"/>
      <c r="G19" s="76"/>
      <c r="I19" s="72"/>
      <c r="J19" s="73"/>
      <c r="K19" s="74" t="s">
        <v>44</v>
      </c>
      <c r="L19" s="75"/>
      <c r="M19" s="75"/>
      <c r="N19" s="75"/>
      <c r="O19" s="76"/>
      <c r="Q19" s="72"/>
      <c r="R19" s="73"/>
      <c r="S19" s="74" t="s">
        <v>44</v>
      </c>
      <c r="T19" s="75"/>
      <c r="U19" s="75"/>
      <c r="V19" s="75"/>
      <c r="W19" s="76"/>
    </row>
    <row r="20" spans="1:34" s="78" customFormat="1" ht="99.95" customHeight="1" thickBot="1" x14ac:dyDescent="0.3">
      <c r="B20" s="79"/>
      <c r="C20" s="79"/>
      <c r="D20" s="79"/>
      <c r="E20" s="79"/>
      <c r="F20" s="79"/>
      <c r="G20" s="80"/>
      <c r="H20" s="79"/>
      <c r="I20" s="79"/>
      <c r="J20" s="79"/>
      <c r="K20" s="79"/>
      <c r="N20" s="79"/>
      <c r="O20" s="80"/>
      <c r="P20" s="79"/>
      <c r="Q20" s="79"/>
      <c r="R20" s="79"/>
      <c r="S20" s="79"/>
      <c r="T20" s="79"/>
      <c r="U20" s="79"/>
      <c r="V20" s="79"/>
      <c r="W20" s="80"/>
      <c r="Z20" s="126"/>
      <c r="AA20" s="126"/>
      <c r="AB20" s="126"/>
      <c r="AC20" s="126"/>
      <c r="AD20" s="126"/>
      <c r="AE20" s="126"/>
      <c r="AF20" s="126"/>
      <c r="AG20" s="126"/>
      <c r="AH20" s="126"/>
    </row>
    <row r="21" spans="1:34" s="81" customFormat="1" ht="39.950000000000003" customHeight="1" thickBot="1" x14ac:dyDescent="0.3">
      <c r="C21" s="127" t="s">
        <v>45</v>
      </c>
      <c r="D21" s="128"/>
      <c r="E21" s="129"/>
      <c r="G21" s="82"/>
      <c r="K21" s="130" t="s">
        <v>46</v>
      </c>
      <c r="L21" s="131"/>
      <c r="M21" s="132"/>
      <c r="O21" s="82"/>
      <c r="S21" s="130" t="s">
        <v>47</v>
      </c>
      <c r="T21" s="131"/>
      <c r="U21" s="132"/>
      <c r="W21" s="82"/>
    </row>
    <row r="22" spans="1:34" s="53" customFormat="1" ht="35.1" customHeight="1" x14ac:dyDescent="0.25">
      <c r="A22" s="83" t="s">
        <v>28</v>
      </c>
      <c r="B22" s="84" t="s">
        <v>29</v>
      </c>
      <c r="C22" s="84" t="s">
        <v>30</v>
      </c>
      <c r="D22" s="84" t="s">
        <v>31</v>
      </c>
      <c r="E22" s="84" t="s">
        <v>32</v>
      </c>
      <c r="F22" s="84" t="s">
        <v>35</v>
      </c>
      <c r="G22" s="85" t="s">
        <v>34</v>
      </c>
      <c r="I22" s="83" t="s">
        <v>28</v>
      </c>
      <c r="J22" s="28" t="s">
        <v>29</v>
      </c>
      <c r="K22" s="84" t="s">
        <v>30</v>
      </c>
      <c r="L22" s="84" t="s">
        <v>31</v>
      </c>
      <c r="M22" s="84" t="s">
        <v>32</v>
      </c>
      <c r="N22" s="84" t="s">
        <v>35</v>
      </c>
      <c r="O22" s="85" t="s">
        <v>34</v>
      </c>
      <c r="Q22" s="83" t="s">
        <v>28</v>
      </c>
      <c r="R22" s="84" t="s">
        <v>29</v>
      </c>
      <c r="S22" s="84" t="s">
        <v>30</v>
      </c>
      <c r="T22" s="84" t="s">
        <v>48</v>
      </c>
      <c r="U22" s="84" t="s">
        <v>32</v>
      </c>
      <c r="V22" s="84" t="s">
        <v>35</v>
      </c>
      <c r="W22" s="85" t="s">
        <v>34</v>
      </c>
    </row>
    <row r="23" spans="1:34" s="53" customFormat="1" ht="35.1" customHeight="1" x14ac:dyDescent="0.25">
      <c r="A23" s="63">
        <v>0</v>
      </c>
      <c r="B23" s="66">
        <v>0</v>
      </c>
      <c r="C23" s="66">
        <v>0</v>
      </c>
      <c r="D23" s="64">
        <v>1</v>
      </c>
      <c r="E23" s="64">
        <v>2</v>
      </c>
      <c r="F23" s="86">
        <v>3</v>
      </c>
      <c r="G23" s="52">
        <v>4</v>
      </c>
      <c r="I23" s="63">
        <v>0</v>
      </c>
      <c r="J23" s="66">
        <v>0</v>
      </c>
      <c r="K23" s="66">
        <v>0</v>
      </c>
      <c r="L23" s="66">
        <v>0</v>
      </c>
      <c r="M23" s="66">
        <v>0</v>
      </c>
      <c r="N23" s="86">
        <v>0</v>
      </c>
      <c r="O23" s="52">
        <v>1</v>
      </c>
      <c r="Q23" s="63">
        <v>0</v>
      </c>
      <c r="R23" s="66">
        <v>0</v>
      </c>
      <c r="S23" s="64">
        <v>1</v>
      </c>
      <c r="T23" s="64">
        <v>2</v>
      </c>
      <c r="U23" s="64">
        <v>3</v>
      </c>
      <c r="V23" s="86">
        <v>4</v>
      </c>
      <c r="W23" s="52">
        <v>5</v>
      </c>
    </row>
    <row r="24" spans="1:34" s="46" customFormat="1" ht="70.5" customHeight="1" x14ac:dyDescent="0.25">
      <c r="A24" s="42"/>
      <c r="B24" s="43"/>
      <c r="C24" s="43"/>
      <c r="D24" s="44" t="s">
        <v>36</v>
      </c>
      <c r="E24" s="44" t="s">
        <v>37</v>
      </c>
      <c r="F24" s="43"/>
      <c r="G24" s="45"/>
      <c r="I24" s="42"/>
      <c r="J24" s="43"/>
      <c r="K24" s="43"/>
      <c r="L24" s="43"/>
      <c r="M24" s="43"/>
      <c r="N24" s="43"/>
      <c r="O24" s="45"/>
      <c r="Q24" s="42"/>
      <c r="R24" s="43"/>
      <c r="S24" s="44" t="s">
        <v>38</v>
      </c>
      <c r="T24" s="44" t="s">
        <v>36</v>
      </c>
      <c r="U24" s="44" t="s">
        <v>37</v>
      </c>
      <c r="V24" s="47"/>
      <c r="W24" s="45"/>
    </row>
    <row r="25" spans="1:34" s="53" customFormat="1" ht="35.1" customHeight="1" x14ac:dyDescent="0.25">
      <c r="A25" s="48">
        <v>5</v>
      </c>
      <c r="B25" s="49">
        <v>6</v>
      </c>
      <c r="C25" s="49">
        <v>7</v>
      </c>
      <c r="D25" s="51">
        <v>8</v>
      </c>
      <c r="E25" s="49">
        <v>9</v>
      </c>
      <c r="F25" s="51">
        <v>10</v>
      </c>
      <c r="G25" s="56">
        <v>11</v>
      </c>
      <c r="I25" s="48">
        <v>2</v>
      </c>
      <c r="J25" s="49">
        <v>3</v>
      </c>
      <c r="K25" s="49">
        <v>4</v>
      </c>
      <c r="L25" s="49">
        <v>5</v>
      </c>
      <c r="M25" s="49">
        <v>6</v>
      </c>
      <c r="N25" s="51">
        <v>7</v>
      </c>
      <c r="O25" s="56">
        <v>8</v>
      </c>
      <c r="Q25" s="48">
        <v>6</v>
      </c>
      <c r="R25" s="49">
        <v>7</v>
      </c>
      <c r="S25" s="49">
        <v>8</v>
      </c>
      <c r="T25" s="87">
        <v>9</v>
      </c>
      <c r="U25" s="49">
        <v>10</v>
      </c>
      <c r="V25" s="51">
        <v>11</v>
      </c>
      <c r="W25" s="56">
        <v>12</v>
      </c>
    </row>
    <row r="26" spans="1:34" s="46" customFormat="1" ht="70.5" customHeight="1" x14ac:dyDescent="0.25">
      <c r="A26" s="58"/>
      <c r="B26" s="59" t="s">
        <v>37</v>
      </c>
      <c r="C26" s="59" t="s">
        <v>38</v>
      </c>
      <c r="D26" s="60"/>
      <c r="E26" s="59" t="s">
        <v>37</v>
      </c>
      <c r="F26" s="47"/>
      <c r="G26" s="45"/>
      <c r="I26" s="58"/>
      <c r="J26" s="59" t="s">
        <v>37</v>
      </c>
      <c r="K26" s="62" t="s">
        <v>38</v>
      </c>
      <c r="L26" s="59" t="s">
        <v>36</v>
      </c>
      <c r="M26" s="59" t="s">
        <v>37</v>
      </c>
      <c r="N26" s="47"/>
      <c r="O26" s="45"/>
      <c r="Q26" s="58"/>
      <c r="R26" s="59" t="s">
        <v>37</v>
      </c>
      <c r="S26" s="59" t="s">
        <v>39</v>
      </c>
      <c r="T26" s="60"/>
      <c r="U26" s="59" t="s">
        <v>37</v>
      </c>
      <c r="V26" s="43"/>
      <c r="W26" s="45"/>
    </row>
    <row r="27" spans="1:34" s="53" customFormat="1" ht="35.1" customHeight="1" x14ac:dyDescent="0.25">
      <c r="A27" s="48">
        <v>12</v>
      </c>
      <c r="B27" s="49">
        <v>13</v>
      </c>
      <c r="C27" s="49">
        <v>14</v>
      </c>
      <c r="D27" s="49">
        <v>15</v>
      </c>
      <c r="E27" s="49">
        <v>16</v>
      </c>
      <c r="F27" s="51">
        <v>17</v>
      </c>
      <c r="G27" s="56">
        <v>18</v>
      </c>
      <c r="I27" s="48">
        <v>9</v>
      </c>
      <c r="J27" s="49">
        <v>10</v>
      </c>
      <c r="K27" s="55">
        <v>11</v>
      </c>
      <c r="L27" s="51">
        <v>12</v>
      </c>
      <c r="M27" s="49">
        <v>13</v>
      </c>
      <c r="N27" s="51">
        <v>14</v>
      </c>
      <c r="O27" s="56">
        <v>15</v>
      </c>
      <c r="Q27" s="48">
        <v>13</v>
      </c>
      <c r="R27" s="49">
        <v>14</v>
      </c>
      <c r="S27" s="49">
        <v>15</v>
      </c>
      <c r="T27" s="49">
        <v>16</v>
      </c>
      <c r="U27" s="49">
        <v>17</v>
      </c>
      <c r="V27" s="51">
        <v>18</v>
      </c>
      <c r="W27" s="56">
        <v>19</v>
      </c>
    </row>
    <row r="28" spans="1:34" s="46" customFormat="1" ht="70.5" customHeight="1" x14ac:dyDescent="0.25">
      <c r="A28" s="58"/>
      <c r="B28" s="59" t="s">
        <v>37</v>
      </c>
      <c r="C28" s="62" t="s">
        <v>39</v>
      </c>
      <c r="D28" s="59" t="s">
        <v>36</v>
      </c>
      <c r="E28" s="59" t="s">
        <v>37</v>
      </c>
      <c r="F28" s="43"/>
      <c r="G28" s="45"/>
      <c r="I28" s="58"/>
      <c r="J28" s="59" t="s">
        <v>37</v>
      </c>
      <c r="K28" s="88" t="s">
        <v>49</v>
      </c>
      <c r="L28" s="60"/>
      <c r="M28" s="59" t="s">
        <v>37</v>
      </c>
      <c r="N28" s="43"/>
      <c r="O28" s="45"/>
      <c r="Q28" s="58"/>
      <c r="R28" s="59" t="s">
        <v>37</v>
      </c>
      <c r="S28" s="62" t="s">
        <v>40</v>
      </c>
      <c r="T28" s="59" t="s">
        <v>36</v>
      </c>
      <c r="U28" s="59" t="s">
        <v>37</v>
      </c>
      <c r="V28" s="47"/>
      <c r="W28" s="45"/>
    </row>
    <row r="29" spans="1:34" s="53" customFormat="1" ht="35.1" customHeight="1" x14ac:dyDescent="0.25">
      <c r="A29" s="48">
        <v>19</v>
      </c>
      <c r="B29" s="55">
        <v>20</v>
      </c>
      <c r="C29" s="49">
        <v>21</v>
      </c>
      <c r="D29" s="51">
        <v>22</v>
      </c>
      <c r="E29" s="49">
        <v>23</v>
      </c>
      <c r="F29" s="51">
        <v>24</v>
      </c>
      <c r="G29" s="56">
        <v>25</v>
      </c>
      <c r="I29" s="48">
        <v>16</v>
      </c>
      <c r="J29" s="49">
        <v>17</v>
      </c>
      <c r="K29" s="49">
        <v>18</v>
      </c>
      <c r="L29" s="49">
        <v>19</v>
      </c>
      <c r="M29" s="49">
        <v>20</v>
      </c>
      <c r="N29" s="51">
        <v>21</v>
      </c>
      <c r="O29" s="56">
        <v>22</v>
      </c>
      <c r="Q29" s="48">
        <v>20</v>
      </c>
      <c r="R29" s="55">
        <v>21</v>
      </c>
      <c r="S29" s="55">
        <v>22</v>
      </c>
      <c r="T29" s="54">
        <v>23</v>
      </c>
      <c r="U29" s="49">
        <v>24</v>
      </c>
      <c r="V29" s="51">
        <v>25</v>
      </c>
      <c r="W29" s="56">
        <v>26</v>
      </c>
    </row>
    <row r="30" spans="1:34" s="46" customFormat="1" ht="70.5" customHeight="1" x14ac:dyDescent="0.25">
      <c r="A30" s="58"/>
      <c r="B30" s="61" t="s">
        <v>50</v>
      </c>
      <c r="C30" s="62" t="s">
        <v>40</v>
      </c>
      <c r="D30" s="60"/>
      <c r="E30" s="59" t="s">
        <v>37</v>
      </c>
      <c r="F30" s="47"/>
      <c r="G30" s="45"/>
      <c r="I30" s="58"/>
      <c r="J30" s="59" t="s">
        <v>37</v>
      </c>
      <c r="K30" s="62" t="s">
        <v>38</v>
      </c>
      <c r="L30" s="59" t="s">
        <v>36</v>
      </c>
      <c r="M30" s="59" t="s">
        <v>37</v>
      </c>
      <c r="N30" s="47"/>
      <c r="O30" s="45"/>
      <c r="Q30" s="58"/>
      <c r="R30" s="61" t="s">
        <v>50</v>
      </c>
      <c r="S30" s="88" t="s">
        <v>49</v>
      </c>
      <c r="T30" s="60"/>
      <c r="U30" s="59" t="s">
        <v>37</v>
      </c>
      <c r="V30" s="43"/>
      <c r="W30" s="45"/>
    </row>
    <row r="31" spans="1:34" s="53" customFormat="1" ht="35.1" customHeight="1" x14ac:dyDescent="0.25">
      <c r="A31" s="63">
        <v>26</v>
      </c>
      <c r="B31" s="64">
        <v>27</v>
      </c>
      <c r="C31" s="64">
        <v>28</v>
      </c>
      <c r="D31" s="66">
        <v>29</v>
      </c>
      <c r="E31" s="64">
        <v>30</v>
      </c>
      <c r="F31" s="66">
        <v>31</v>
      </c>
      <c r="G31" s="52">
        <v>0</v>
      </c>
      <c r="I31" s="63">
        <v>23</v>
      </c>
      <c r="J31" s="64">
        <v>24</v>
      </c>
      <c r="K31" s="64">
        <v>25</v>
      </c>
      <c r="L31" s="66">
        <v>26</v>
      </c>
      <c r="M31" s="64">
        <v>27</v>
      </c>
      <c r="N31" s="66">
        <v>28</v>
      </c>
      <c r="O31" s="70">
        <v>29</v>
      </c>
      <c r="Q31" s="63">
        <v>27</v>
      </c>
      <c r="R31" s="64">
        <v>28</v>
      </c>
      <c r="S31" s="66">
        <v>29</v>
      </c>
      <c r="T31" s="66">
        <v>30</v>
      </c>
      <c r="U31" s="66">
        <v>0</v>
      </c>
      <c r="V31" s="66">
        <v>0</v>
      </c>
      <c r="W31" s="52">
        <v>0</v>
      </c>
    </row>
    <row r="32" spans="1:34" s="46" customFormat="1" ht="70.5" customHeight="1" x14ac:dyDescent="0.25">
      <c r="A32" s="58"/>
      <c r="B32" s="44" t="s">
        <v>37</v>
      </c>
      <c r="C32" s="44" t="s">
        <v>39</v>
      </c>
      <c r="D32" s="43"/>
      <c r="E32" s="44" t="s">
        <v>37</v>
      </c>
      <c r="F32" s="43"/>
      <c r="G32" s="67"/>
      <c r="I32" s="58"/>
      <c r="J32" s="44" t="s">
        <v>37</v>
      </c>
      <c r="K32" s="44" t="s">
        <v>41</v>
      </c>
      <c r="L32" s="43"/>
      <c r="M32" s="44" t="s">
        <v>37</v>
      </c>
      <c r="N32" s="43"/>
      <c r="O32" s="67"/>
      <c r="Q32" s="58"/>
      <c r="R32" s="59" t="s">
        <v>37</v>
      </c>
      <c r="S32" s="43"/>
      <c r="T32" s="43"/>
      <c r="U32" s="43"/>
      <c r="V32" s="43"/>
      <c r="W32" s="67"/>
    </row>
    <row r="33" spans="1:23" s="53" customFormat="1" ht="35.1" customHeight="1" x14ac:dyDescent="0.25">
      <c r="A33" s="71">
        <v>0</v>
      </c>
      <c r="B33" s="66">
        <v>0</v>
      </c>
      <c r="C33" s="69" t="s">
        <v>42</v>
      </c>
      <c r="D33" s="66"/>
      <c r="E33" s="66"/>
      <c r="F33" s="66"/>
      <c r="G33" s="70" t="s">
        <v>43</v>
      </c>
      <c r="I33" s="71">
        <v>30</v>
      </c>
      <c r="J33" s="64">
        <v>31</v>
      </c>
      <c r="K33" s="69" t="s">
        <v>42</v>
      </c>
      <c r="L33" s="66"/>
      <c r="M33" s="66"/>
      <c r="N33" s="66"/>
      <c r="O33" s="70" t="s">
        <v>43</v>
      </c>
      <c r="Q33" s="71">
        <v>0</v>
      </c>
      <c r="R33" s="66"/>
      <c r="S33" s="69" t="s">
        <v>42</v>
      </c>
      <c r="T33" s="66"/>
      <c r="U33" s="66"/>
      <c r="V33" s="66"/>
      <c r="W33" s="70" t="s">
        <v>43</v>
      </c>
    </row>
    <row r="34" spans="1:23" s="77" customFormat="1" ht="70.5" customHeight="1" thickBot="1" x14ac:dyDescent="0.3">
      <c r="A34" s="72"/>
      <c r="B34" s="73"/>
      <c r="C34" s="74" t="s">
        <v>44</v>
      </c>
      <c r="D34" s="75"/>
      <c r="E34" s="75"/>
      <c r="F34" s="75"/>
      <c r="G34" s="76"/>
      <c r="I34" s="72"/>
      <c r="J34" s="89" t="s">
        <v>37</v>
      </c>
      <c r="K34" s="74" t="s">
        <v>44</v>
      </c>
      <c r="L34" s="75"/>
      <c r="M34" s="75"/>
      <c r="N34" s="75"/>
      <c r="O34" s="76"/>
      <c r="Q34" s="72"/>
      <c r="R34" s="73"/>
      <c r="S34" s="74" t="s">
        <v>44</v>
      </c>
      <c r="T34" s="75"/>
      <c r="U34" s="75"/>
      <c r="V34" s="75"/>
      <c r="W34" s="76"/>
    </row>
    <row r="35" spans="1:23" s="78" customFormat="1" ht="99.95" customHeight="1" thickBot="1" x14ac:dyDescent="0.65">
      <c r="A35" s="90"/>
      <c r="C35" s="91"/>
      <c r="D35" s="92"/>
      <c r="E35" s="93"/>
      <c r="L35" s="94"/>
      <c r="M35" s="95"/>
      <c r="N35" s="96"/>
      <c r="O35" s="133" t="s">
        <v>2</v>
      </c>
      <c r="P35" s="133"/>
      <c r="Q35" s="133"/>
      <c r="R35" s="133"/>
      <c r="S35" s="133"/>
      <c r="T35" s="133"/>
      <c r="U35" s="133"/>
      <c r="V35" s="133"/>
      <c r="W35" s="97">
        <v>1</v>
      </c>
    </row>
    <row r="36" spans="1:23" s="81" customFormat="1" ht="39.950000000000003" customHeight="1" thickBot="1" x14ac:dyDescent="0.3">
      <c r="C36" s="130" t="s">
        <v>51</v>
      </c>
      <c r="D36" s="131"/>
      <c r="E36" s="132"/>
      <c r="G36" s="98"/>
      <c r="K36" s="130" t="s">
        <v>52</v>
      </c>
      <c r="L36" s="131"/>
      <c r="M36" s="132"/>
      <c r="O36" s="98"/>
      <c r="S36" s="130" t="s">
        <v>53</v>
      </c>
      <c r="T36" s="131"/>
      <c r="U36" s="132"/>
      <c r="W36" s="98"/>
    </row>
    <row r="37" spans="1:23" s="53" customFormat="1" ht="35.1" customHeight="1" x14ac:dyDescent="0.25">
      <c r="A37" s="83" t="s">
        <v>28</v>
      </c>
      <c r="B37" s="84" t="s">
        <v>29</v>
      </c>
      <c r="C37" s="84" t="s">
        <v>30</v>
      </c>
      <c r="D37" s="84" t="s">
        <v>31</v>
      </c>
      <c r="E37" s="84" t="s">
        <v>32</v>
      </c>
      <c r="F37" s="84" t="s">
        <v>35</v>
      </c>
      <c r="G37" s="85" t="s">
        <v>34</v>
      </c>
      <c r="I37" s="83" t="s">
        <v>28</v>
      </c>
      <c r="J37" s="84" t="s">
        <v>29</v>
      </c>
      <c r="K37" s="84" t="s">
        <v>30</v>
      </c>
      <c r="L37" s="84" t="s">
        <v>31</v>
      </c>
      <c r="M37" s="84" t="s">
        <v>32</v>
      </c>
      <c r="N37" s="84" t="s">
        <v>35</v>
      </c>
      <c r="O37" s="85" t="s">
        <v>34</v>
      </c>
      <c r="Q37" s="83" t="s">
        <v>28</v>
      </c>
      <c r="R37" s="84" t="s">
        <v>29</v>
      </c>
      <c r="S37" s="84" t="s">
        <v>30</v>
      </c>
      <c r="T37" s="84" t="s">
        <v>31</v>
      </c>
      <c r="U37" s="84" t="s">
        <v>32</v>
      </c>
      <c r="V37" s="84" t="s">
        <v>35</v>
      </c>
      <c r="W37" s="85" t="s">
        <v>34</v>
      </c>
    </row>
    <row r="38" spans="1:23" s="53" customFormat="1" ht="34.5" customHeight="1" x14ac:dyDescent="0.25">
      <c r="A38" s="63">
        <v>0</v>
      </c>
      <c r="B38" s="66">
        <v>0</v>
      </c>
      <c r="C38" s="66">
        <v>0</v>
      </c>
      <c r="D38" s="66">
        <v>0</v>
      </c>
      <c r="E38" s="64">
        <v>1</v>
      </c>
      <c r="F38" s="66">
        <v>2</v>
      </c>
      <c r="G38" s="56">
        <v>3</v>
      </c>
      <c r="I38" s="63">
        <v>1</v>
      </c>
      <c r="J38" s="64">
        <v>2</v>
      </c>
      <c r="K38" s="99">
        <v>3</v>
      </c>
      <c r="L38" s="64">
        <v>4</v>
      </c>
      <c r="M38" s="64">
        <v>5</v>
      </c>
      <c r="N38" s="66">
        <v>6</v>
      </c>
      <c r="O38" s="56">
        <v>7</v>
      </c>
      <c r="Q38" s="63">
        <v>0</v>
      </c>
      <c r="R38" s="66">
        <v>0</v>
      </c>
      <c r="S38" s="64">
        <v>1</v>
      </c>
      <c r="T38" s="64">
        <v>2</v>
      </c>
      <c r="U38" s="64">
        <v>3</v>
      </c>
      <c r="V38" s="86">
        <v>4</v>
      </c>
      <c r="W38" s="52">
        <v>5</v>
      </c>
    </row>
    <row r="39" spans="1:23" s="46" customFormat="1" ht="70.5" customHeight="1" x14ac:dyDescent="0.25">
      <c r="A39" s="42"/>
      <c r="B39" s="43"/>
      <c r="C39" s="43"/>
      <c r="D39" s="43"/>
      <c r="E39" s="44" t="s">
        <v>37</v>
      </c>
      <c r="F39" s="43"/>
      <c r="G39" s="45"/>
      <c r="I39" s="42"/>
      <c r="J39" s="44" t="s">
        <v>37</v>
      </c>
      <c r="K39" s="100" t="s">
        <v>38</v>
      </c>
      <c r="L39" s="44" t="s">
        <v>36</v>
      </c>
      <c r="M39" s="44" t="s">
        <v>37</v>
      </c>
      <c r="N39" s="43"/>
      <c r="O39" s="45"/>
      <c r="Q39" s="42"/>
      <c r="R39" s="43"/>
      <c r="S39" s="44" t="s">
        <v>38</v>
      </c>
      <c r="T39" s="44" t="s">
        <v>36</v>
      </c>
      <c r="U39" s="44" t="s">
        <v>37</v>
      </c>
      <c r="V39" s="47"/>
      <c r="W39" s="45"/>
    </row>
    <row r="40" spans="1:23" s="53" customFormat="1" ht="35.1" customHeight="1" x14ac:dyDescent="0.25">
      <c r="A40" s="48">
        <v>4</v>
      </c>
      <c r="B40" s="49">
        <v>5</v>
      </c>
      <c r="C40" s="49">
        <v>6</v>
      </c>
      <c r="D40" s="49">
        <v>7</v>
      </c>
      <c r="E40" s="50">
        <v>8</v>
      </c>
      <c r="F40" s="87">
        <v>9</v>
      </c>
      <c r="G40" s="56">
        <v>10</v>
      </c>
      <c r="I40" s="48">
        <v>8</v>
      </c>
      <c r="J40" s="49">
        <v>9</v>
      </c>
      <c r="K40" s="49">
        <v>10</v>
      </c>
      <c r="L40" s="51">
        <v>11</v>
      </c>
      <c r="M40" s="49">
        <v>12</v>
      </c>
      <c r="N40" s="51">
        <v>13</v>
      </c>
      <c r="O40" s="56">
        <v>14</v>
      </c>
      <c r="Q40" s="48">
        <v>6</v>
      </c>
      <c r="R40" s="49">
        <v>7</v>
      </c>
      <c r="S40" s="49">
        <v>8</v>
      </c>
      <c r="T40" s="87">
        <v>9</v>
      </c>
      <c r="U40" s="49">
        <v>10</v>
      </c>
      <c r="V40" s="51">
        <v>11</v>
      </c>
      <c r="W40" s="56">
        <v>12</v>
      </c>
    </row>
    <row r="41" spans="1:23" s="46" customFormat="1" ht="70.5" customHeight="1" x14ac:dyDescent="0.25">
      <c r="A41" s="58"/>
      <c r="B41" s="59" t="s">
        <v>37</v>
      </c>
      <c r="C41" s="59" t="s">
        <v>38</v>
      </c>
      <c r="D41" s="59" t="s">
        <v>36</v>
      </c>
      <c r="E41" s="59" t="s">
        <v>37</v>
      </c>
      <c r="F41" s="47"/>
      <c r="G41" s="45"/>
      <c r="I41" s="58"/>
      <c r="J41" s="59" t="s">
        <v>37</v>
      </c>
      <c r="K41" s="62" t="s">
        <v>39</v>
      </c>
      <c r="L41" s="60"/>
      <c r="M41" s="59" t="s">
        <v>37</v>
      </c>
      <c r="N41" s="47"/>
      <c r="O41" s="45"/>
      <c r="Q41" s="58"/>
      <c r="R41" s="59" t="s">
        <v>37</v>
      </c>
      <c r="S41" s="59" t="s">
        <v>39</v>
      </c>
      <c r="T41" s="60"/>
      <c r="U41" s="59" t="s">
        <v>37</v>
      </c>
      <c r="V41" s="43"/>
      <c r="W41" s="45"/>
    </row>
    <row r="42" spans="1:23" s="53" customFormat="1" ht="35.1" customHeight="1" x14ac:dyDescent="0.25">
      <c r="A42" s="48">
        <v>11</v>
      </c>
      <c r="B42" s="55">
        <v>12</v>
      </c>
      <c r="C42" s="49">
        <v>13</v>
      </c>
      <c r="D42" s="51">
        <v>14</v>
      </c>
      <c r="E42" s="50">
        <v>15</v>
      </c>
      <c r="F42" s="51">
        <v>16</v>
      </c>
      <c r="G42" s="56">
        <v>17</v>
      </c>
      <c r="I42" s="48">
        <v>15</v>
      </c>
      <c r="J42" s="49">
        <v>16</v>
      </c>
      <c r="K42" s="101">
        <v>17</v>
      </c>
      <c r="L42" s="49">
        <v>18</v>
      </c>
      <c r="M42" s="49">
        <v>19</v>
      </c>
      <c r="N42" s="51">
        <v>20</v>
      </c>
      <c r="O42" s="56">
        <v>21</v>
      </c>
      <c r="Q42" s="48">
        <v>13</v>
      </c>
      <c r="R42" s="49">
        <v>14</v>
      </c>
      <c r="S42" s="49">
        <v>15</v>
      </c>
      <c r="T42" s="49">
        <v>16</v>
      </c>
      <c r="U42" s="49">
        <v>17</v>
      </c>
      <c r="V42" s="51">
        <v>18</v>
      </c>
      <c r="W42" s="56">
        <v>19</v>
      </c>
    </row>
    <row r="43" spans="1:23" s="46" customFormat="1" ht="70.5" customHeight="1" x14ac:dyDescent="0.25">
      <c r="A43" s="58"/>
      <c r="B43" s="61" t="s">
        <v>50</v>
      </c>
      <c r="C43" s="62" t="s">
        <v>39</v>
      </c>
      <c r="D43" s="60"/>
      <c r="E43" s="59" t="s">
        <v>37</v>
      </c>
      <c r="F43" s="43"/>
      <c r="G43" s="45"/>
      <c r="I43" s="58"/>
      <c r="J43" s="59" t="s">
        <v>37</v>
      </c>
      <c r="K43" s="62" t="s">
        <v>40</v>
      </c>
      <c r="L43" s="59" t="s">
        <v>36</v>
      </c>
      <c r="M43" s="59" t="s">
        <v>37</v>
      </c>
      <c r="N43" s="43"/>
      <c r="O43" s="45"/>
      <c r="Q43" s="58"/>
      <c r="R43" s="59" t="s">
        <v>37</v>
      </c>
      <c r="S43" s="62" t="s">
        <v>40</v>
      </c>
      <c r="T43" s="59" t="s">
        <v>36</v>
      </c>
      <c r="U43" s="59" t="s">
        <v>37</v>
      </c>
      <c r="V43" s="47"/>
      <c r="W43" s="45"/>
    </row>
    <row r="44" spans="1:23" s="53" customFormat="1" ht="35.1" customHeight="1" x14ac:dyDescent="0.25">
      <c r="A44" s="48">
        <v>18</v>
      </c>
      <c r="B44" s="49">
        <v>19</v>
      </c>
      <c r="C44" s="49">
        <v>20</v>
      </c>
      <c r="D44" s="49">
        <v>21</v>
      </c>
      <c r="E44" s="50">
        <v>22</v>
      </c>
      <c r="F44" s="51">
        <v>23</v>
      </c>
      <c r="G44" s="56">
        <v>24</v>
      </c>
      <c r="I44" s="48">
        <v>22</v>
      </c>
      <c r="J44" s="55">
        <v>23</v>
      </c>
      <c r="K44" s="49">
        <v>24</v>
      </c>
      <c r="L44" s="51">
        <v>25</v>
      </c>
      <c r="M44" s="49">
        <v>26</v>
      </c>
      <c r="N44" s="51">
        <v>27</v>
      </c>
      <c r="O44" s="56">
        <v>28</v>
      </c>
      <c r="Q44" s="48">
        <v>20</v>
      </c>
      <c r="R44" s="49">
        <v>21</v>
      </c>
      <c r="S44" s="49">
        <v>22</v>
      </c>
      <c r="T44" s="51">
        <v>23</v>
      </c>
      <c r="U44" s="49">
        <v>24</v>
      </c>
      <c r="V44" s="51">
        <v>25</v>
      </c>
      <c r="W44" s="56">
        <v>26</v>
      </c>
    </row>
    <row r="45" spans="1:23" s="46" customFormat="1" ht="70.5" customHeight="1" x14ac:dyDescent="0.25">
      <c r="A45" s="58"/>
      <c r="B45" s="59" t="s">
        <v>37</v>
      </c>
      <c r="C45" s="62" t="s">
        <v>40</v>
      </c>
      <c r="D45" s="59" t="s">
        <v>36</v>
      </c>
      <c r="E45" s="59" t="s">
        <v>37</v>
      </c>
      <c r="F45" s="47"/>
      <c r="G45" s="45"/>
      <c r="I45" s="58"/>
      <c r="J45" s="61" t="s">
        <v>50</v>
      </c>
      <c r="K45" s="59" t="s">
        <v>39</v>
      </c>
      <c r="L45" s="60"/>
      <c r="M45" s="59" t="s">
        <v>37</v>
      </c>
      <c r="N45" s="47"/>
      <c r="O45" s="45"/>
      <c r="Q45" s="58"/>
      <c r="R45" s="59" t="s">
        <v>37</v>
      </c>
      <c r="S45" s="62" t="s">
        <v>39</v>
      </c>
      <c r="T45" s="60"/>
      <c r="U45" s="59" t="s">
        <v>37</v>
      </c>
      <c r="V45" s="43"/>
      <c r="W45" s="45"/>
    </row>
    <row r="46" spans="1:23" s="53" customFormat="1" ht="35.1" customHeight="1" x14ac:dyDescent="0.25">
      <c r="A46" s="63">
        <v>25</v>
      </c>
      <c r="B46" s="64">
        <v>26</v>
      </c>
      <c r="C46" s="64">
        <v>27</v>
      </c>
      <c r="D46" s="66">
        <v>28</v>
      </c>
      <c r="E46" s="64">
        <v>29</v>
      </c>
      <c r="F46" s="66">
        <v>30</v>
      </c>
      <c r="G46" s="52">
        <v>31</v>
      </c>
      <c r="I46" s="63">
        <v>29</v>
      </c>
      <c r="J46" s="64">
        <v>30</v>
      </c>
      <c r="K46" s="66">
        <v>0</v>
      </c>
      <c r="L46" s="66">
        <v>0</v>
      </c>
      <c r="M46" s="66">
        <v>0</v>
      </c>
      <c r="N46" s="66">
        <v>0</v>
      </c>
      <c r="O46" s="52">
        <v>0</v>
      </c>
      <c r="Q46" s="63">
        <v>27</v>
      </c>
      <c r="R46" s="64">
        <v>28</v>
      </c>
      <c r="S46" s="66">
        <v>29</v>
      </c>
      <c r="T46" s="66">
        <v>30</v>
      </c>
      <c r="U46" s="66">
        <v>31</v>
      </c>
      <c r="V46" s="66">
        <v>0</v>
      </c>
      <c r="W46" s="52">
        <v>0</v>
      </c>
    </row>
    <row r="47" spans="1:23" s="46" customFormat="1" ht="70.5" customHeight="1" x14ac:dyDescent="0.25">
      <c r="A47" s="58"/>
      <c r="B47" s="44" t="s">
        <v>37</v>
      </c>
      <c r="C47" s="44" t="s">
        <v>39</v>
      </c>
      <c r="D47" s="43"/>
      <c r="E47" s="44" t="s">
        <v>37</v>
      </c>
      <c r="F47" s="43"/>
      <c r="G47" s="67"/>
      <c r="I47" s="58"/>
      <c r="J47" s="44" t="s">
        <v>37</v>
      </c>
      <c r="K47" s="43"/>
      <c r="L47" s="43"/>
      <c r="M47" s="43"/>
      <c r="N47" s="43"/>
      <c r="O47" s="67"/>
      <c r="Q47" s="58"/>
      <c r="R47" s="44" t="s">
        <v>37</v>
      </c>
      <c r="S47" s="43"/>
      <c r="T47" s="43"/>
      <c r="U47" s="43"/>
      <c r="V47" s="102"/>
      <c r="W47" s="67"/>
    </row>
    <row r="48" spans="1:23" s="53" customFormat="1" ht="35.1" customHeight="1" x14ac:dyDescent="0.25">
      <c r="A48" s="71">
        <v>0</v>
      </c>
      <c r="B48" s="66">
        <v>0</v>
      </c>
      <c r="C48" s="69" t="s">
        <v>42</v>
      </c>
      <c r="D48" s="66"/>
      <c r="E48" s="66"/>
      <c r="F48" s="66"/>
      <c r="G48" s="70" t="s">
        <v>43</v>
      </c>
      <c r="I48" s="71">
        <v>0</v>
      </c>
      <c r="J48" s="66"/>
      <c r="K48" s="69" t="s">
        <v>42</v>
      </c>
      <c r="L48" s="66"/>
      <c r="M48" s="66"/>
      <c r="N48" s="66"/>
      <c r="O48" s="70" t="s">
        <v>43</v>
      </c>
      <c r="Q48" s="71">
        <v>0</v>
      </c>
      <c r="R48" s="66">
        <v>0</v>
      </c>
      <c r="S48" s="69" t="s">
        <v>42</v>
      </c>
      <c r="T48" s="66"/>
      <c r="U48" s="66"/>
      <c r="V48" s="66"/>
      <c r="W48" s="70" t="s">
        <v>43</v>
      </c>
    </row>
    <row r="49" spans="1:23" s="77" customFormat="1" ht="70.5" customHeight="1" thickBot="1" x14ac:dyDescent="0.3">
      <c r="A49" s="72"/>
      <c r="B49" s="73"/>
      <c r="C49" s="74" t="s">
        <v>44</v>
      </c>
      <c r="D49" s="75"/>
      <c r="E49" s="75"/>
      <c r="F49" s="75"/>
      <c r="G49" s="76"/>
      <c r="I49" s="72"/>
      <c r="J49" s="73"/>
      <c r="K49" s="74" t="s">
        <v>44</v>
      </c>
      <c r="L49" s="75"/>
      <c r="M49" s="75"/>
      <c r="N49" s="75"/>
      <c r="O49" s="76"/>
      <c r="Q49" s="72"/>
      <c r="R49" s="73"/>
      <c r="S49" s="74" t="s">
        <v>44</v>
      </c>
      <c r="T49" s="75"/>
      <c r="U49" s="75"/>
      <c r="V49" s="75"/>
      <c r="W49" s="76"/>
    </row>
    <row r="50" spans="1:23" s="78" customFormat="1" ht="99.95" customHeight="1" thickBot="1" x14ac:dyDescent="0.3">
      <c r="B50" s="79"/>
      <c r="C50" s="79"/>
      <c r="D50" s="79"/>
      <c r="E50" s="79"/>
      <c r="F50" s="79"/>
      <c r="G50" s="80"/>
      <c r="H50" s="79"/>
      <c r="I50" s="79"/>
      <c r="J50" s="79"/>
      <c r="K50" s="79"/>
      <c r="N50" s="79"/>
      <c r="O50" s="80"/>
      <c r="P50" s="79"/>
      <c r="Q50" s="79"/>
      <c r="R50" s="79"/>
      <c r="S50" s="79"/>
      <c r="T50" s="79"/>
      <c r="U50" s="79"/>
      <c r="V50" s="79"/>
      <c r="W50" s="80"/>
    </row>
    <row r="51" spans="1:23" s="81" customFormat="1" ht="39.950000000000003" customHeight="1" thickBot="1" x14ac:dyDescent="0.3">
      <c r="A51" s="24" t="s">
        <v>54</v>
      </c>
      <c r="B51" s="103"/>
      <c r="C51" s="127" t="s">
        <v>55</v>
      </c>
      <c r="D51" s="128"/>
      <c r="E51" s="129"/>
      <c r="G51" s="82"/>
      <c r="K51" s="127" t="s">
        <v>56</v>
      </c>
      <c r="L51" s="128"/>
      <c r="M51" s="129"/>
      <c r="O51" s="82"/>
      <c r="S51" s="130" t="s">
        <v>57</v>
      </c>
      <c r="T51" s="131"/>
      <c r="U51" s="132"/>
      <c r="W51" s="82"/>
    </row>
    <row r="52" spans="1:23" s="53" customFormat="1" ht="35.1" customHeight="1" x14ac:dyDescent="0.25">
      <c r="A52" s="83" t="s">
        <v>28</v>
      </c>
      <c r="B52" s="84" t="s">
        <v>29</v>
      </c>
      <c r="C52" s="84" t="s">
        <v>30</v>
      </c>
      <c r="D52" s="84" t="s">
        <v>31</v>
      </c>
      <c r="E52" s="84" t="s">
        <v>32</v>
      </c>
      <c r="F52" s="84" t="s">
        <v>35</v>
      </c>
      <c r="G52" s="85" t="s">
        <v>34</v>
      </c>
      <c r="I52" s="83" t="s">
        <v>28</v>
      </c>
      <c r="J52" s="84" t="s">
        <v>29</v>
      </c>
      <c r="K52" s="84" t="s">
        <v>30</v>
      </c>
      <c r="L52" s="84" t="s">
        <v>31</v>
      </c>
      <c r="M52" s="84" t="s">
        <v>32</v>
      </c>
      <c r="N52" s="84" t="s">
        <v>35</v>
      </c>
      <c r="O52" s="85" t="s">
        <v>34</v>
      </c>
      <c r="Q52" s="83" t="s">
        <v>28</v>
      </c>
      <c r="R52" s="84" t="s">
        <v>29</v>
      </c>
      <c r="S52" s="84" t="s">
        <v>30</v>
      </c>
      <c r="T52" s="84" t="s">
        <v>31</v>
      </c>
      <c r="U52" s="84" t="s">
        <v>32</v>
      </c>
      <c r="V52" s="84" t="s">
        <v>35</v>
      </c>
      <c r="W52" s="85" t="s">
        <v>34</v>
      </c>
    </row>
    <row r="53" spans="1:23" s="53" customFormat="1" ht="35.1" customHeight="1" x14ac:dyDescent="0.25">
      <c r="A53" s="63">
        <v>0</v>
      </c>
      <c r="B53" s="66">
        <v>0</v>
      </c>
      <c r="C53" s="66">
        <v>0</v>
      </c>
      <c r="D53" s="66">
        <v>0</v>
      </c>
      <c r="E53" s="66">
        <v>0</v>
      </c>
      <c r="F53" s="104">
        <v>1</v>
      </c>
      <c r="G53" s="52">
        <v>2</v>
      </c>
      <c r="I53" s="63">
        <v>0</v>
      </c>
      <c r="J53" s="64">
        <v>1</v>
      </c>
      <c r="K53" s="64">
        <v>2</v>
      </c>
      <c r="L53" s="64">
        <v>3</v>
      </c>
      <c r="M53" s="64">
        <v>4</v>
      </c>
      <c r="N53" s="66">
        <v>5</v>
      </c>
      <c r="O53" s="56">
        <v>6</v>
      </c>
      <c r="Q53" s="63">
        <v>0</v>
      </c>
      <c r="R53" s="64">
        <v>1</v>
      </c>
      <c r="S53" s="64">
        <v>2</v>
      </c>
      <c r="T53" s="64">
        <v>3</v>
      </c>
      <c r="U53" s="64">
        <v>4</v>
      </c>
      <c r="V53" s="86">
        <v>5</v>
      </c>
      <c r="W53" s="52">
        <v>6</v>
      </c>
    </row>
    <row r="54" spans="1:23" s="46" customFormat="1" ht="70.5" customHeight="1" x14ac:dyDescent="0.25">
      <c r="A54" s="42"/>
      <c r="B54" s="43"/>
      <c r="C54" s="43"/>
      <c r="D54" s="43"/>
      <c r="E54" s="43"/>
      <c r="F54" s="43"/>
      <c r="G54" s="45"/>
      <c r="I54" s="42"/>
      <c r="J54" s="44" t="s">
        <v>37</v>
      </c>
      <c r="K54" s="44" t="s">
        <v>38</v>
      </c>
      <c r="L54" s="44" t="s">
        <v>36</v>
      </c>
      <c r="M54" s="44" t="s">
        <v>37</v>
      </c>
      <c r="N54" s="43"/>
      <c r="O54" s="45"/>
      <c r="Q54" s="42"/>
      <c r="R54" s="44" t="s">
        <v>37</v>
      </c>
      <c r="S54" s="44" t="s">
        <v>38</v>
      </c>
      <c r="T54" s="44" t="s">
        <v>36</v>
      </c>
      <c r="U54" s="44" t="s">
        <v>37</v>
      </c>
      <c r="V54" s="43"/>
      <c r="W54" s="45"/>
    </row>
    <row r="55" spans="1:23" s="53" customFormat="1" ht="35.1" customHeight="1" x14ac:dyDescent="0.25">
      <c r="A55" s="48">
        <v>3</v>
      </c>
      <c r="B55" s="49">
        <v>4</v>
      </c>
      <c r="C55" s="49">
        <v>5</v>
      </c>
      <c r="D55" s="49">
        <v>6</v>
      </c>
      <c r="E55" s="49">
        <v>7</v>
      </c>
      <c r="F55" s="51">
        <v>8</v>
      </c>
      <c r="G55" s="56">
        <v>9</v>
      </c>
      <c r="I55" s="48">
        <v>7</v>
      </c>
      <c r="J55" s="49">
        <v>8</v>
      </c>
      <c r="K55" s="49">
        <v>9</v>
      </c>
      <c r="L55" s="51">
        <v>10</v>
      </c>
      <c r="M55" s="55">
        <v>11</v>
      </c>
      <c r="N55" s="51">
        <v>12</v>
      </c>
      <c r="O55" s="56">
        <v>13</v>
      </c>
      <c r="Q55" s="48">
        <v>7</v>
      </c>
      <c r="R55" s="49">
        <v>8</v>
      </c>
      <c r="S55" s="49">
        <v>9</v>
      </c>
      <c r="T55" s="51">
        <v>10</v>
      </c>
      <c r="U55" s="49">
        <v>11</v>
      </c>
      <c r="V55" s="51">
        <v>12</v>
      </c>
      <c r="W55" s="56">
        <v>13</v>
      </c>
    </row>
    <row r="56" spans="1:23" s="46" customFormat="1" ht="70.5" customHeight="1" x14ac:dyDescent="0.25">
      <c r="A56" s="58"/>
      <c r="B56" s="59" t="s">
        <v>37</v>
      </c>
      <c r="C56" s="62" t="s">
        <v>38</v>
      </c>
      <c r="D56" s="59" t="s">
        <v>36</v>
      </c>
      <c r="E56" s="59" t="s">
        <v>37</v>
      </c>
      <c r="F56" s="60"/>
      <c r="G56" s="45"/>
      <c r="I56" s="58"/>
      <c r="J56" s="59" t="s">
        <v>37</v>
      </c>
      <c r="K56" s="62" t="s">
        <v>39</v>
      </c>
      <c r="L56" s="60"/>
      <c r="M56" s="61" t="s">
        <v>50</v>
      </c>
      <c r="N56" s="60"/>
      <c r="O56" s="45"/>
      <c r="Q56" s="58"/>
      <c r="R56" s="59" t="s">
        <v>37</v>
      </c>
      <c r="S56" s="62" t="s">
        <v>39</v>
      </c>
      <c r="T56" s="60"/>
      <c r="U56" s="59" t="s">
        <v>37</v>
      </c>
      <c r="V56" s="47"/>
      <c r="W56" s="45"/>
    </row>
    <row r="57" spans="1:23" s="53" customFormat="1" ht="35.1" customHeight="1" x14ac:dyDescent="0.25">
      <c r="A57" s="48">
        <v>10</v>
      </c>
      <c r="B57" s="55">
        <v>11</v>
      </c>
      <c r="C57" s="49">
        <v>12</v>
      </c>
      <c r="D57" s="51">
        <v>13</v>
      </c>
      <c r="E57" s="49">
        <v>14</v>
      </c>
      <c r="F57" s="51">
        <v>15</v>
      </c>
      <c r="G57" s="56">
        <v>16</v>
      </c>
      <c r="I57" s="48">
        <v>14</v>
      </c>
      <c r="J57" s="49">
        <v>15</v>
      </c>
      <c r="K57" s="49">
        <v>16</v>
      </c>
      <c r="L57" s="49">
        <v>17</v>
      </c>
      <c r="M57" s="49">
        <v>18</v>
      </c>
      <c r="N57" s="51">
        <v>19</v>
      </c>
      <c r="O57" s="56">
        <v>20</v>
      </c>
      <c r="Q57" s="48">
        <v>14</v>
      </c>
      <c r="R57" s="49">
        <v>15</v>
      </c>
      <c r="S57" s="49">
        <v>16</v>
      </c>
      <c r="T57" s="49">
        <v>17</v>
      </c>
      <c r="U57" s="49">
        <v>18</v>
      </c>
      <c r="V57" s="51">
        <v>19</v>
      </c>
      <c r="W57" s="56">
        <v>20</v>
      </c>
    </row>
    <row r="58" spans="1:23" s="46" customFormat="1" ht="70.5" customHeight="1" x14ac:dyDescent="0.25">
      <c r="A58" s="58"/>
      <c r="B58" s="61" t="s">
        <v>50</v>
      </c>
      <c r="C58" s="62" t="s">
        <v>39</v>
      </c>
      <c r="D58" s="60"/>
      <c r="E58" s="59" t="s">
        <v>37</v>
      </c>
      <c r="F58" s="43"/>
      <c r="G58" s="45"/>
      <c r="I58" s="58"/>
      <c r="J58" s="59" t="s">
        <v>37</v>
      </c>
      <c r="K58" s="62" t="s">
        <v>40</v>
      </c>
      <c r="L58" s="59" t="s">
        <v>36</v>
      </c>
      <c r="M58" s="59" t="s">
        <v>37</v>
      </c>
      <c r="N58" s="43"/>
      <c r="O58" s="45"/>
      <c r="Q58" s="58"/>
      <c r="R58" s="59" t="s">
        <v>37</v>
      </c>
      <c r="S58" s="62" t="s">
        <v>40</v>
      </c>
      <c r="T58" s="59" t="s">
        <v>36</v>
      </c>
      <c r="U58" s="59" t="s">
        <v>37</v>
      </c>
      <c r="V58" s="43"/>
      <c r="W58" s="45"/>
    </row>
    <row r="59" spans="1:23" s="53" customFormat="1" ht="35.1" customHeight="1" x14ac:dyDescent="0.25">
      <c r="A59" s="48">
        <v>17</v>
      </c>
      <c r="B59" s="49">
        <v>18</v>
      </c>
      <c r="C59" s="49">
        <v>19</v>
      </c>
      <c r="D59" s="49">
        <v>20</v>
      </c>
      <c r="E59" s="49">
        <v>21</v>
      </c>
      <c r="F59" s="51">
        <v>22</v>
      </c>
      <c r="G59" s="56">
        <v>23</v>
      </c>
      <c r="I59" s="48">
        <v>21</v>
      </c>
      <c r="J59" s="49">
        <v>22</v>
      </c>
      <c r="K59" s="55">
        <v>23</v>
      </c>
      <c r="L59" s="51">
        <v>24</v>
      </c>
      <c r="M59" s="49">
        <v>25</v>
      </c>
      <c r="N59" s="51">
        <v>26</v>
      </c>
      <c r="O59" s="56">
        <v>27</v>
      </c>
      <c r="Q59" s="48">
        <v>21</v>
      </c>
      <c r="R59" s="55">
        <v>22</v>
      </c>
      <c r="S59" s="49">
        <v>23</v>
      </c>
      <c r="T59" s="51">
        <v>24</v>
      </c>
      <c r="U59" s="49">
        <v>25</v>
      </c>
      <c r="V59" s="51">
        <v>26</v>
      </c>
      <c r="W59" s="56">
        <v>27</v>
      </c>
    </row>
    <row r="60" spans="1:23" s="46" customFormat="1" ht="70.5" customHeight="1" x14ac:dyDescent="0.25">
      <c r="A60" s="58"/>
      <c r="B60" s="59" t="s">
        <v>37</v>
      </c>
      <c r="C60" s="62" t="s">
        <v>40</v>
      </c>
      <c r="D60" s="59" t="s">
        <v>36</v>
      </c>
      <c r="E60" s="59" t="s">
        <v>37</v>
      </c>
      <c r="F60" s="43"/>
      <c r="G60" s="45"/>
      <c r="I60" s="58"/>
      <c r="J60" s="59" t="s">
        <v>37</v>
      </c>
      <c r="K60" s="88" t="s">
        <v>49</v>
      </c>
      <c r="L60" s="60"/>
      <c r="M60" s="59" t="s">
        <v>37</v>
      </c>
      <c r="N60" s="47"/>
      <c r="O60" s="45"/>
      <c r="Q60" s="58"/>
      <c r="R60" s="61" t="s">
        <v>50</v>
      </c>
      <c r="S60" s="62" t="s">
        <v>39</v>
      </c>
      <c r="T60" s="60"/>
      <c r="U60" s="59" t="s">
        <v>37</v>
      </c>
      <c r="V60" s="47"/>
      <c r="W60" s="45"/>
    </row>
    <row r="61" spans="1:23" s="53" customFormat="1" ht="35.1" customHeight="1" x14ac:dyDescent="0.25">
      <c r="A61" s="71">
        <v>24</v>
      </c>
      <c r="B61" s="64">
        <v>25</v>
      </c>
      <c r="C61" s="64">
        <v>26</v>
      </c>
      <c r="D61" s="66">
        <v>27</v>
      </c>
      <c r="E61" s="64">
        <v>28</v>
      </c>
      <c r="F61" s="66">
        <v>29</v>
      </c>
      <c r="G61" s="52">
        <v>30</v>
      </c>
      <c r="I61" s="63">
        <v>28</v>
      </c>
      <c r="J61" s="66">
        <v>0</v>
      </c>
      <c r="K61" s="66">
        <v>0</v>
      </c>
      <c r="L61" s="66">
        <v>0</v>
      </c>
      <c r="M61" s="66">
        <v>0</v>
      </c>
      <c r="N61" s="66">
        <v>0</v>
      </c>
      <c r="O61" s="52">
        <v>0</v>
      </c>
      <c r="Q61" s="63">
        <v>28</v>
      </c>
      <c r="R61" s="64">
        <v>29</v>
      </c>
      <c r="S61" s="66">
        <v>30</v>
      </c>
      <c r="T61" s="66">
        <v>31</v>
      </c>
      <c r="U61" s="66">
        <v>0</v>
      </c>
      <c r="V61" s="66">
        <v>0</v>
      </c>
      <c r="W61" s="52">
        <v>0</v>
      </c>
    </row>
    <row r="62" spans="1:23" s="46" customFormat="1" ht="70.5" customHeight="1" x14ac:dyDescent="0.25">
      <c r="A62" s="58"/>
      <c r="B62" s="44" t="s">
        <v>37</v>
      </c>
      <c r="C62" s="44" t="s">
        <v>39</v>
      </c>
      <c r="D62" s="43"/>
      <c r="E62" s="44" t="s">
        <v>37</v>
      </c>
      <c r="F62" s="43"/>
      <c r="G62" s="67"/>
      <c r="I62" s="42"/>
      <c r="J62" s="43"/>
      <c r="K62" s="43"/>
      <c r="L62" s="43"/>
      <c r="M62" s="43"/>
      <c r="N62" s="43"/>
      <c r="O62" s="67"/>
      <c r="Q62" s="58"/>
      <c r="R62" s="44" t="s">
        <v>37</v>
      </c>
      <c r="S62" s="43"/>
      <c r="T62" s="43"/>
      <c r="U62" s="43"/>
      <c r="V62" s="43"/>
      <c r="W62" s="67"/>
    </row>
    <row r="63" spans="1:23" s="53" customFormat="1" ht="35.1" customHeight="1" x14ac:dyDescent="0.25">
      <c r="A63" s="71">
        <v>31</v>
      </c>
      <c r="B63" s="66">
        <v>0</v>
      </c>
      <c r="C63" s="69" t="s">
        <v>42</v>
      </c>
      <c r="D63" s="66"/>
      <c r="E63" s="66"/>
      <c r="F63" s="66"/>
      <c r="G63" s="70" t="s">
        <v>43</v>
      </c>
      <c r="I63" s="68"/>
      <c r="J63" s="66"/>
      <c r="K63" s="69" t="s">
        <v>42</v>
      </c>
      <c r="L63" s="66"/>
      <c r="M63" s="66"/>
      <c r="N63" s="66"/>
      <c r="O63" s="70" t="s">
        <v>43</v>
      </c>
      <c r="Q63" s="71">
        <v>0</v>
      </c>
      <c r="R63" s="66">
        <v>0</v>
      </c>
      <c r="S63" s="69" t="s">
        <v>42</v>
      </c>
      <c r="T63" s="66"/>
      <c r="U63" s="66"/>
      <c r="V63" s="66"/>
      <c r="W63" s="70" t="s">
        <v>43</v>
      </c>
    </row>
    <row r="64" spans="1:23" s="77" customFormat="1" ht="70.5" customHeight="1" thickBot="1" x14ac:dyDescent="0.3">
      <c r="A64" s="72"/>
      <c r="B64" s="73"/>
      <c r="C64" s="74" t="s">
        <v>44</v>
      </c>
      <c r="D64" s="75"/>
      <c r="E64" s="75"/>
      <c r="F64" s="75"/>
      <c r="G64" s="76"/>
      <c r="H64" s="105"/>
      <c r="I64" s="72"/>
      <c r="J64" s="73"/>
      <c r="K64" s="74" t="s">
        <v>44</v>
      </c>
      <c r="L64" s="75"/>
      <c r="M64" s="75"/>
      <c r="N64" s="75"/>
      <c r="O64" s="76"/>
      <c r="P64" s="105"/>
      <c r="Q64" s="72"/>
      <c r="R64" s="73"/>
      <c r="S64" s="74" t="s">
        <v>44</v>
      </c>
      <c r="T64" s="75"/>
      <c r="U64" s="75"/>
      <c r="V64" s="75"/>
      <c r="W64" s="76"/>
    </row>
    <row r="65" spans="1:23" s="78" customFormat="1" ht="99.95" customHeight="1" x14ac:dyDescent="0.6">
      <c r="A65" s="90"/>
      <c r="C65" s="91"/>
      <c r="D65" s="92"/>
      <c r="E65" s="93"/>
      <c r="L65" s="94"/>
      <c r="M65" s="95"/>
      <c r="N65" s="96"/>
      <c r="O65" s="133" t="s">
        <v>2</v>
      </c>
      <c r="P65" s="133"/>
      <c r="Q65" s="133"/>
      <c r="R65" s="133"/>
      <c r="S65" s="133"/>
      <c r="T65" s="133"/>
      <c r="U65" s="133"/>
      <c r="V65" s="133"/>
      <c r="W65" s="97">
        <v>1</v>
      </c>
    </row>
    <row r="66" spans="1:23" s="78" customFormat="1" ht="33" hidden="1" customHeight="1" x14ac:dyDescent="0.25"/>
    <row r="67" spans="1:23" s="78" customFormat="1" ht="20.100000000000001" customHeight="1" x14ac:dyDescent="0.25"/>
    <row r="68" spans="1:23" s="78" customFormat="1" ht="20.100000000000001" customHeight="1" x14ac:dyDescent="0.25"/>
    <row r="69" spans="1:23" s="78" customFormat="1" ht="20.100000000000001" customHeight="1" x14ac:dyDescent="0.25"/>
    <row r="70" spans="1:23" s="106" customFormat="1" ht="70.5" customHeight="1" x14ac:dyDescent="0.25">
      <c r="A70" s="77"/>
    </row>
    <row r="71" spans="1:23" s="106" customFormat="1" ht="28.5" customHeight="1" x14ac:dyDescent="0.25">
      <c r="A71" s="53"/>
    </row>
    <row r="72" spans="1:23" s="106" customFormat="1" ht="70.5" customHeight="1" x14ac:dyDescent="0.25">
      <c r="A72" s="77"/>
    </row>
    <row r="73" spans="1:23" s="106" customFormat="1" ht="28.5" customHeight="1" x14ac:dyDescent="0.25">
      <c r="A73" s="53"/>
    </row>
    <row r="74" spans="1:23" s="106" customFormat="1" ht="70.5" customHeight="1" x14ac:dyDescent="0.25">
      <c r="A74" s="77"/>
    </row>
    <row r="75" spans="1:23" s="106" customFormat="1" ht="28.5" customHeight="1" x14ac:dyDescent="0.25">
      <c r="A75" s="53"/>
    </row>
    <row r="76" spans="1:23" s="106" customFormat="1" ht="70.5" customHeight="1" x14ac:dyDescent="0.25">
      <c r="A76" s="77"/>
    </row>
    <row r="77" spans="1:23" s="106" customFormat="1" ht="28.5" customHeight="1" x14ac:dyDescent="0.25">
      <c r="A77" s="53"/>
    </row>
    <row r="78" spans="1:23" s="108" customFormat="1" ht="70.5" customHeight="1" x14ac:dyDescent="0.25">
      <c r="A78" s="107"/>
    </row>
    <row r="79" spans="1:23" s="108" customFormat="1" ht="28.5" customHeight="1" x14ac:dyDescent="0.25"/>
    <row r="80" spans="1:23" s="108" customFormat="1" ht="28.5" customHeight="1" x14ac:dyDescent="0.25"/>
    <row r="81" s="108" customFormat="1" ht="28.5" customHeight="1" x14ac:dyDescent="0.25"/>
    <row r="82" s="108" customFormat="1" ht="28.5" customHeight="1" x14ac:dyDescent="0.25"/>
    <row r="83" s="108" customFormat="1" ht="28.5" customHeight="1" x14ac:dyDescent="0.25"/>
    <row r="84" s="108" customFormat="1" ht="28.5" customHeight="1" x14ac:dyDescent="0.25"/>
    <row r="85" s="108" customFormat="1" ht="28.5" customHeight="1" x14ac:dyDescent="0.25"/>
    <row r="86" s="108" customFormat="1" ht="28.5" customHeight="1" x14ac:dyDescent="0.25"/>
    <row r="87" s="108" customFormat="1" ht="28.5" customHeight="1" x14ac:dyDescent="0.25"/>
    <row r="88" s="108" customFormat="1" ht="28.5" customHeight="1" x14ac:dyDescent="0.25"/>
    <row r="89" s="108" customFormat="1" ht="28.5" customHeight="1" x14ac:dyDescent="0.25"/>
    <row r="90" s="108" customFormat="1" ht="28.5" customHeight="1" x14ac:dyDescent="0.25"/>
    <row r="91" s="108" customFormat="1" ht="28.5" customHeight="1" x14ac:dyDescent="0.25"/>
    <row r="92" s="108" customFormat="1" ht="28.5" customHeight="1" x14ac:dyDescent="0.25"/>
    <row r="93" s="108" customFormat="1" ht="28.5" customHeight="1" x14ac:dyDescent="0.25"/>
    <row r="94" s="108" customFormat="1" ht="28.5" customHeight="1" x14ac:dyDescent="0.25"/>
    <row r="95" s="108" customFormat="1" ht="28.5" customHeight="1" x14ac:dyDescent="0.25"/>
    <row r="96" s="108" customFormat="1" ht="28.5" customHeight="1" x14ac:dyDescent="0.25"/>
    <row r="97" s="108" customFormat="1" ht="28.5" customHeight="1" x14ac:dyDescent="0.25"/>
    <row r="98" s="108" customFormat="1" ht="28.5" customHeight="1" x14ac:dyDescent="0.25"/>
    <row r="99" s="108" customFormat="1" ht="28.5" customHeight="1" x14ac:dyDescent="0.25"/>
    <row r="100" s="108" customFormat="1" ht="28.5" customHeight="1" x14ac:dyDescent="0.25"/>
    <row r="101" s="108" customFormat="1" ht="28.5" customHeight="1" x14ac:dyDescent="0.25"/>
    <row r="102" s="108" customFormat="1" ht="28.5" customHeight="1" x14ac:dyDescent="0.25"/>
    <row r="103" s="108" customFormat="1" ht="28.5" customHeight="1" x14ac:dyDescent="0.25"/>
    <row r="104" s="108" customFormat="1" ht="28.5" customHeight="1" x14ac:dyDescent="0.25"/>
    <row r="105" s="108" customFormat="1" ht="28.5" customHeight="1" x14ac:dyDescent="0.25"/>
    <row r="106" s="108" customFormat="1" ht="28.5" customHeight="1" x14ac:dyDescent="0.25"/>
    <row r="107" s="108" customFormat="1" ht="28.5" customHeight="1" x14ac:dyDescent="0.25"/>
    <row r="108" s="108" customFormat="1" ht="28.5" customHeight="1" x14ac:dyDescent="0.25"/>
    <row r="109" s="108" customFormat="1" ht="28.5" customHeight="1" x14ac:dyDescent="0.25"/>
    <row r="110" s="108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3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</vt:lpstr>
      <vt:lpstr>'1'!Print_Area</vt:lpstr>
      <vt:lpstr>'1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19:04Z</cp:lastPrinted>
  <dcterms:created xsi:type="dcterms:W3CDTF">2025-12-02T03:02:54Z</dcterms:created>
  <dcterms:modified xsi:type="dcterms:W3CDTF">2025-12-02T07:19:12Z</dcterms:modified>
</cp:coreProperties>
</file>